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s15001\2018\2018zeimu\H30ふるさと納税係\04事業者・返礼品\01参加事業者募集\"/>
    </mc:Choice>
  </mc:AlternateContent>
  <bookViews>
    <workbookView xWindow="0" yWindow="0" windowWidth="20490" windowHeight="7500"/>
  </bookViews>
  <sheets>
    <sheet name="返礼品情報（入力画面）" sheetId="2" r:id="rId1"/>
    <sheet name="カテゴリ" sheetId="3" r:id="rId2"/>
    <sheet name="記入見本" sheetId="7" r:id="rId3"/>
  </sheets>
  <definedNames>
    <definedName name="イベント">カテゴリ!$I$2:$I$22</definedName>
    <definedName name="イベントやチケット等">カテゴリ!$I$2:$I$24</definedName>
    <definedName name="お酒">カテゴリ!$H$2:$H$24</definedName>
    <definedName name="カテゴリ①">カテゴリ!$A$1:$T$1</definedName>
    <definedName name="カテゴリ大">カテゴリ!$A$1:$W$1</definedName>
    <definedName name="ファッション">カテゴリ!$U$2:$U$24</definedName>
    <definedName name="飲料類">カテゴリ!$K$2:$K$24</definedName>
    <definedName name="化粧品等">カテゴリ!$O$2:$O$22</definedName>
    <definedName name="加工品等">カテゴリ!$J$2:$J$24</definedName>
    <definedName name="果物類">カテゴリ!$G$2:$G$24</definedName>
    <definedName name="菓子">カテゴリ!$L$2:$L$24</definedName>
    <definedName name="海老・カニ">カテゴリ!$E$2:$E$12</definedName>
    <definedName name="海老・カニ等">カテゴリ!$E$2:$E$24</definedName>
    <definedName name="感謝状等">カテゴリ!$R$2:$R$24</definedName>
    <definedName name="牛肉">カテゴリ!$C$4:$C$22</definedName>
    <definedName name="魚介類">カテゴリ!$D$2:$D$6</definedName>
    <definedName name="魚貝類">カテゴリ!$D$2:$D$24</definedName>
    <definedName name="工芸装飾">カテゴリ!$N$2:$N$22</definedName>
    <definedName name="工芸品・装飾品">カテゴリ!$N$2:$N$24</definedName>
    <definedName name="雑貨・日用品">カテゴリ!$Q$2:$Q$24</definedName>
    <definedName name="雑貨日用品">カテゴリ!$Q$2:$Q$22</definedName>
    <definedName name="酒焼酎">カテゴリ!$H$2:$H$22</definedName>
    <definedName name="鯛・金目鯛">カテゴリ!$D$4:$D$6</definedName>
    <definedName name="地域のお礼">カテゴリ!$S$2:$S$22</definedName>
    <definedName name="地域のお礼の品">カテゴリ!$S$2:$S$24</definedName>
    <definedName name="調味料･油">カテゴリ!$P$2:$P$24</definedName>
    <definedName name="電化製品" localSheetId="2">カテゴリ!#REF!</definedName>
    <definedName name="電化製品">カテゴリ!#REF!</definedName>
    <definedName name="鍋セット">カテゴリ!$W$2:$W$24</definedName>
    <definedName name="肉">カテゴリ!$C$2:$C$24</definedName>
    <definedName name="美容">カテゴリ!$O$2:$O$24</definedName>
    <definedName name="米">カテゴリ!$B$4:$B$22</definedName>
    <definedName name="米・パン">カテゴリ!$B$2:$B$24</definedName>
    <definedName name="麺類">カテゴリ!$M$2:$M$24</definedName>
    <definedName name="野菜類">カテゴリ!$F$2:$F$24</definedName>
    <definedName name="卵_鶏_鳥骨鶏等">カテゴリ!$T$2:$T$24</definedName>
    <definedName name="卵_鶏等">カテゴリ!$T$2:$T$22</definedName>
    <definedName name="旅行">カテゴリ!$V$2:$V$24</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21099 坂井 浩幸</author>
    <author>21105 城後 桃子</author>
    <author>11097 坂井 浩幸</author>
  </authors>
  <commentList>
    <comment ref="C7" authorId="0" shapeId="0">
      <text>
        <r>
          <rPr>
            <b/>
            <sz val="9"/>
            <color indexed="81"/>
            <rFont val="ＭＳ Ｐゴシック"/>
            <family val="3"/>
            <charset val="128"/>
          </rPr>
          <t>会社名（屋号）をご記入ください</t>
        </r>
      </text>
    </comment>
    <comment ref="C9" authorId="0" shapeId="0">
      <text>
        <r>
          <rPr>
            <sz val="9"/>
            <color indexed="81"/>
            <rFont val="ＭＳ Ｐゴシック"/>
            <family val="3"/>
            <charset val="128"/>
          </rPr>
          <t>・全角２５文字以内でお願いします。
（スペースも１文字とカウントします）
★最上部に表示されます。</t>
        </r>
      </text>
    </comment>
    <comment ref="C10" authorId="0" shapeId="0">
      <text>
        <r>
          <rPr>
            <sz val="9"/>
            <color indexed="81"/>
            <rFont val="ＭＳ Ｐゴシック"/>
            <family val="3"/>
            <charset val="128"/>
          </rPr>
          <t>＜新規登録の場合＞
入力の必要はありません。
＜変更する場合＞
現在のナンバーをご記入ください。
（今後美濃加茂市にてナンバーを変更することもあります）</t>
        </r>
      </text>
    </comment>
    <comment ref="D13" authorId="1" shapeId="0">
      <text>
        <r>
          <rPr>
            <sz val="9"/>
            <color indexed="81"/>
            <rFont val="ＭＳ Ｐゴシック"/>
            <family val="3"/>
            <charset val="128"/>
          </rPr>
          <t xml:space="preserve">
＜返礼品情報を変更する場合＞
・「変更あり」か「変更なし」のどちらかを選択し、不要な方を消してください。
★「変更あり」の場合は、新しい写真を右に貼り付けてください。
　　（この用紙からはみ出してもOKです）
＜返礼品を新規登録の場合＞
・「変更あり」を選択してください。
★新規登録される写真を右に貼り付けてください。
　　（このスペースからはみ出してもOKです）
・画像サイズが規定サイズでない場合は、美濃加茂市でサイズ変更を行います。
　（その際、トリミングは行いません）</t>
        </r>
      </text>
    </comment>
    <comment ref="D21" authorId="1" shapeId="0">
      <text>
        <r>
          <rPr>
            <sz val="9"/>
            <color indexed="81"/>
            <rFont val="ＭＳ Ｐゴシック"/>
            <family val="3"/>
            <charset val="128"/>
          </rPr>
          <t>詳細写真があればこの場所に貼り付けてください。
はみ出しても構いません。</t>
        </r>
      </text>
    </comment>
    <comment ref="D26" authorId="1" shapeId="0">
      <text>
        <r>
          <rPr>
            <sz val="9"/>
            <color indexed="81"/>
            <rFont val="ＭＳ Ｐゴシック"/>
            <family val="3"/>
            <charset val="128"/>
          </rPr>
          <t>説明は、初めは１行１６文字で４行が表示されます。
詳細では、全て表示されます。
最大１０００文字まで入力可能ですが、可能であれば２００文字程度に抑えてください。
全角、半角、改行、スペースは１文字とカウントされます。（以下同じ。）
★最下段に
提供：○○○○と会社名を入れてください。</t>
        </r>
      </text>
    </comment>
    <comment ref="D39" authorId="1" shapeId="0">
      <text>
        <r>
          <rPr>
            <b/>
            <sz val="9"/>
            <color indexed="81"/>
            <rFont val="ＭＳ Ｐゴシック"/>
            <family val="3"/>
            <charset val="128"/>
          </rPr>
          <t xml:space="preserve">最大１０００文字の入力可能。
</t>
        </r>
        <r>
          <rPr>
            <sz val="9"/>
            <color indexed="81"/>
            <rFont val="ＭＳ Ｐゴシック"/>
            <family val="3"/>
            <charset val="128"/>
          </rPr>
          <t xml:space="preserve">＜例＞豚肉細切れ500g、豚肉ミンチ200g </t>
        </r>
      </text>
    </comment>
    <comment ref="D43" authorId="1" shapeId="0">
      <text>
        <r>
          <rPr>
            <b/>
            <sz val="9"/>
            <color indexed="81"/>
            <rFont val="ＭＳ Ｐゴシック"/>
            <family val="3"/>
            <charset val="128"/>
          </rPr>
          <t>最大１０００文字</t>
        </r>
        <r>
          <rPr>
            <sz val="9"/>
            <color indexed="81"/>
            <rFont val="ＭＳ Ｐゴシック"/>
            <family val="3"/>
            <charset val="128"/>
          </rPr>
          <t>の入力可能
＜例＞通年　
＜例＞１月から３月下旬まで
＜例＞６月１日から数量に達するまで</t>
        </r>
      </text>
    </comment>
    <comment ref="D46" authorId="1" shapeId="0">
      <text>
        <r>
          <rPr>
            <b/>
            <sz val="9"/>
            <color indexed="81"/>
            <rFont val="ＭＳ Ｐゴシック"/>
            <family val="3"/>
            <charset val="128"/>
          </rPr>
          <t>最大１０００文字</t>
        </r>
        <r>
          <rPr>
            <sz val="9"/>
            <color indexed="81"/>
            <rFont val="ＭＳ Ｐゴシック"/>
            <family val="3"/>
            <charset val="128"/>
          </rPr>
          <t xml:space="preserve">の入力可能。
御社が受注してから発送可能な日数の目安を次の中からご記入ください。
①受注から約７日以内に発送可能
②受注から約１５日以内に発送可能
③受注から約３０日以内に発送可能
④受注生産のため受注から約○○日後に発送可能
</t>
        </r>
      </text>
    </comment>
    <comment ref="D49" authorId="1" shapeId="0">
      <text>
        <r>
          <rPr>
            <b/>
            <sz val="9"/>
            <color indexed="81"/>
            <rFont val="ＭＳ Ｐゴシック"/>
            <family val="3"/>
            <charset val="128"/>
          </rPr>
          <t>最大１０００文字</t>
        </r>
        <r>
          <rPr>
            <sz val="9"/>
            <color indexed="81"/>
            <rFont val="ＭＳ Ｐゴシック"/>
            <family val="3"/>
            <charset val="128"/>
          </rPr>
          <t>の入力可能。
アレルギーに関して記載ください。
アレルギー原料を記載し、注意書きを記載
＜例＞そば粉使用のためそばアレルギーの方はご遠慮ください。
次の原料を使用している場合は必ず記載ください。
特定原材料７品目
卵・乳･小麦･落花生･えび･そば･かに</t>
        </r>
      </text>
    </comment>
    <comment ref="D52" authorId="1" shapeId="0">
      <text>
        <r>
          <rPr>
            <b/>
            <sz val="9"/>
            <color indexed="81"/>
            <rFont val="ＭＳ Ｐゴシック"/>
            <family val="3"/>
            <charset val="128"/>
          </rPr>
          <t>最大１０００文字</t>
        </r>
        <r>
          <rPr>
            <sz val="9"/>
            <color indexed="81"/>
            <rFont val="ＭＳ Ｐゴシック"/>
            <family val="3"/>
            <charset val="128"/>
          </rPr>
          <t>の入力可能。
＜例＞美濃加茂市</t>
        </r>
      </text>
    </comment>
    <comment ref="D55" authorId="1" shapeId="0">
      <text>
        <r>
          <rPr>
            <b/>
            <sz val="9"/>
            <color indexed="81"/>
            <rFont val="ＭＳ Ｐゴシック"/>
            <family val="3"/>
            <charset val="128"/>
          </rPr>
          <t>最大１０００文字</t>
        </r>
        <r>
          <rPr>
            <sz val="9"/>
            <color indexed="81"/>
            <rFont val="ＭＳ Ｐゴシック"/>
            <family val="3"/>
            <charset val="128"/>
          </rPr>
          <t>の入力可能。
＜例＞美濃加茂市</t>
        </r>
      </text>
    </comment>
    <comment ref="D58" authorId="1" shapeId="0">
      <text>
        <r>
          <rPr>
            <b/>
            <sz val="9"/>
            <color indexed="81"/>
            <rFont val="ＭＳ Ｐゴシック"/>
            <family val="3"/>
            <charset val="128"/>
          </rPr>
          <t>最大１０００文字</t>
        </r>
        <r>
          <rPr>
            <sz val="9"/>
            <color indexed="81"/>
            <rFont val="ＭＳ Ｐゴシック"/>
            <family val="3"/>
            <charset val="128"/>
          </rPr>
          <t>の入力可能。
＜例＞お届けから４ヶ月</t>
        </r>
      </text>
    </comment>
    <comment ref="D61" authorId="0" shapeId="0">
      <text>
        <r>
          <rPr>
            <sz val="9"/>
            <color indexed="81"/>
            <rFont val="ＭＳ Ｐゴシック"/>
            <family val="3"/>
            <charset val="128"/>
          </rPr>
          <t xml:space="preserve">・「対応する」「対応しない」のどちらかを選択してください。
・「常温配送」から「チョイス限定」まで
　すべての項目について選択をお願いします。
</t>
        </r>
        <r>
          <rPr>
            <sz val="9"/>
            <color indexed="81"/>
            <rFont val="ＭＳ Ｐゴシック"/>
            <family val="3"/>
            <charset val="128"/>
          </rPr>
          <t xml:space="preserve">
</t>
        </r>
      </text>
    </comment>
    <comment ref="D64" authorId="1" shapeId="0">
      <text>
        <r>
          <rPr>
            <sz val="9"/>
            <color indexed="81"/>
            <rFont val="ＭＳ Ｐゴシック"/>
            <family val="3"/>
            <charset val="128"/>
          </rPr>
          <t xml:space="preserve">ふるさと納税の返礼品として定期的に送るもの。（頒布会形式など）
・定期的に配送を行う商品は、選択してください。
</t>
        </r>
      </text>
    </comment>
    <comment ref="D69" authorId="0" shapeId="0">
      <text>
        <r>
          <rPr>
            <sz val="9"/>
            <color indexed="81"/>
            <rFont val="ＭＳ Ｐゴシック"/>
            <family val="3"/>
            <charset val="128"/>
          </rPr>
          <t>・カテゴリの選択をお願いします。（プルダウン）
・カテゴリは２つのキーワードで表現するので
　左右両方を組み合わせてください。
・１つのカテゴリで表現できない場合は、
　カテゴリ②やカテゴリ③を使ってください。
★カテゴリは、シート「カテゴリ」に全てが
　掲載してあるので、参考にしてください。</t>
        </r>
      </text>
    </comment>
    <comment ref="D77" authorId="2" shapeId="0">
      <text>
        <r>
          <rPr>
            <b/>
            <sz val="9"/>
            <color indexed="81"/>
            <rFont val="ＭＳ Ｐゴシック"/>
            <family val="3"/>
            <charset val="128"/>
          </rPr>
          <t>御社ホームページのURLをご記入ください。</t>
        </r>
      </text>
    </comment>
    <comment ref="D79" authorId="2" shapeId="0">
      <text>
        <r>
          <rPr>
            <sz val="9"/>
            <color indexed="81"/>
            <rFont val="ＭＳ Ｐゴシック"/>
            <family val="3"/>
            <charset val="128"/>
          </rPr>
          <t xml:space="preserve">ユーチューブのURLをご記入ください。
</t>
        </r>
      </text>
    </comment>
  </commentList>
</comments>
</file>

<file path=xl/comments2.xml><?xml version="1.0" encoding="utf-8"?>
<comments xmlns="http://schemas.openxmlformats.org/spreadsheetml/2006/main">
  <authors>
    <author>21099 坂井 浩幸</author>
    <author>21105 城後 桃子</author>
    <author>11097 坂井 浩幸</author>
  </authors>
  <commentList>
    <comment ref="C7" authorId="0" shapeId="0">
      <text>
        <r>
          <rPr>
            <b/>
            <sz val="9"/>
            <color indexed="81"/>
            <rFont val="ＭＳ Ｐゴシック"/>
            <family val="3"/>
            <charset val="128"/>
          </rPr>
          <t>会社名（屋号）をご記入ください</t>
        </r>
      </text>
    </comment>
    <comment ref="C9" authorId="0" shapeId="0">
      <text>
        <r>
          <rPr>
            <sz val="9"/>
            <color indexed="81"/>
            <rFont val="ＭＳ Ｐゴシック"/>
            <family val="3"/>
            <charset val="128"/>
          </rPr>
          <t>・全角２５文字以内でお願いします。
（スペースも１文字とカウントします）
★最上部に表示されます。</t>
        </r>
      </text>
    </comment>
    <comment ref="C10" authorId="0" shapeId="0">
      <text>
        <r>
          <rPr>
            <sz val="9"/>
            <color indexed="81"/>
            <rFont val="ＭＳ Ｐゴシック"/>
            <family val="3"/>
            <charset val="128"/>
          </rPr>
          <t>＜新規登録の場合＞
入力の必要はありません。
＜変更する場合＞
現在のナンバーをご記入ください。
（今後美濃加茂市にてナンバーを変更することもあります）</t>
        </r>
      </text>
    </comment>
    <comment ref="D13" authorId="1" shapeId="0">
      <text>
        <r>
          <rPr>
            <sz val="9"/>
            <color indexed="81"/>
            <rFont val="ＭＳ Ｐゴシック"/>
            <family val="3"/>
            <charset val="128"/>
          </rPr>
          <t>＜返礼品情報を変更する場合＞
・「変更あり」か「変更なし」のどちらかを選択し、不要な方を消してください。
★「変更あり」の場合は、新しい写真を右に貼り付けてください。
　　（この用紙からはみ出してもOKです）
＜返礼品を新規登録の場合＞
・「変更あり」を選択してください。
★新規登録される写真を右に貼り付けてください。
　　（このスペースからはみ出してもOKです）
・画像サイズが規定サイズでない場合は、美濃加茂市でサイズ変更を行います。
　（その際、トリミングは行いません）</t>
        </r>
      </text>
    </comment>
    <comment ref="D21" authorId="1" shapeId="0">
      <text>
        <r>
          <rPr>
            <sz val="9"/>
            <color indexed="81"/>
            <rFont val="ＭＳ Ｐゴシック"/>
            <family val="3"/>
            <charset val="128"/>
          </rPr>
          <t>詳細写真があればこの場所に貼り付けてください。
はみ出しても構いません。</t>
        </r>
      </text>
    </comment>
    <comment ref="D26" authorId="1" shapeId="0">
      <text>
        <r>
          <rPr>
            <sz val="9"/>
            <color indexed="81"/>
            <rFont val="ＭＳ Ｐゴシック"/>
            <family val="3"/>
            <charset val="128"/>
          </rPr>
          <t>説明は、初めは１行１６文字で４行が表示されます。
詳細では、全て表示されます。
最大１０００文字まで入力可能ですが、可能であれば２００文字程度に抑えてください。
全角、半角、改行、スペースは１文字とカウントされます。（以下同じ。）</t>
        </r>
      </text>
    </comment>
    <comment ref="D39" authorId="1" shapeId="0">
      <text>
        <r>
          <rPr>
            <b/>
            <sz val="9"/>
            <color indexed="81"/>
            <rFont val="ＭＳ Ｐゴシック"/>
            <family val="3"/>
            <charset val="128"/>
          </rPr>
          <t xml:space="preserve">最大１０００文字の入力可能。
</t>
        </r>
        <r>
          <rPr>
            <sz val="9"/>
            <color indexed="81"/>
            <rFont val="ＭＳ Ｐゴシック"/>
            <family val="3"/>
            <charset val="128"/>
          </rPr>
          <t xml:space="preserve">＜例＞豚肉細切れ500g、豚肉ミンチ200g </t>
        </r>
      </text>
    </comment>
    <comment ref="D43" authorId="1" shapeId="0">
      <text>
        <r>
          <rPr>
            <b/>
            <sz val="9"/>
            <color indexed="81"/>
            <rFont val="ＭＳ Ｐゴシック"/>
            <family val="3"/>
            <charset val="128"/>
          </rPr>
          <t>最大１０００文字</t>
        </r>
        <r>
          <rPr>
            <sz val="9"/>
            <color indexed="81"/>
            <rFont val="ＭＳ Ｐゴシック"/>
            <family val="3"/>
            <charset val="128"/>
          </rPr>
          <t>の入力可能
＜例＞通年　
＜例＞１月から３月下旬まで
＜例＞６月１日から数量に達するまで</t>
        </r>
      </text>
    </comment>
    <comment ref="D46" authorId="1" shapeId="0">
      <text>
        <r>
          <rPr>
            <b/>
            <sz val="9"/>
            <color indexed="81"/>
            <rFont val="ＭＳ Ｐゴシック"/>
            <family val="3"/>
            <charset val="128"/>
          </rPr>
          <t>最大１０００文字</t>
        </r>
        <r>
          <rPr>
            <sz val="9"/>
            <color indexed="81"/>
            <rFont val="ＭＳ Ｐゴシック"/>
            <family val="3"/>
            <charset val="128"/>
          </rPr>
          <t xml:space="preserve">の入力可能。
御社が受注してから発送可能な日数の目安を次の中からご記入ください。
①受注から約７日以内に発送
②受注から約１５日以内に発送
③受注から約３０日以内に発送
④受注生産のため受注から約○○日後に発送
</t>
        </r>
      </text>
    </comment>
    <comment ref="D49" authorId="1" shapeId="0">
      <text>
        <r>
          <rPr>
            <b/>
            <sz val="9"/>
            <color indexed="81"/>
            <rFont val="ＭＳ Ｐゴシック"/>
            <family val="3"/>
            <charset val="128"/>
          </rPr>
          <t>最大１０００文字</t>
        </r>
        <r>
          <rPr>
            <sz val="9"/>
            <color indexed="81"/>
            <rFont val="ＭＳ Ｐゴシック"/>
            <family val="3"/>
            <charset val="128"/>
          </rPr>
          <t>の入力可能。
アレルギーに関して記載ください。
アレルギー原料を記載し、注意書きを記載
＜例＞そば粉使用のためそばアレルギーの方はご遠慮ください。
次の原料を使用している場合は必ず記載ください。
特定原材料７品目
卵・乳･小麦･落花生･えび･そば･かに</t>
        </r>
      </text>
    </comment>
    <comment ref="D52" authorId="1" shapeId="0">
      <text>
        <r>
          <rPr>
            <b/>
            <sz val="9"/>
            <color indexed="81"/>
            <rFont val="ＭＳ Ｐゴシック"/>
            <family val="3"/>
            <charset val="128"/>
          </rPr>
          <t>最大１０００文字</t>
        </r>
        <r>
          <rPr>
            <sz val="9"/>
            <color indexed="81"/>
            <rFont val="ＭＳ Ｐゴシック"/>
            <family val="3"/>
            <charset val="128"/>
          </rPr>
          <t>の入力可能。
＜例＞美濃加茂市</t>
        </r>
      </text>
    </comment>
    <comment ref="D55" authorId="1" shapeId="0">
      <text>
        <r>
          <rPr>
            <b/>
            <sz val="9"/>
            <color indexed="81"/>
            <rFont val="ＭＳ Ｐゴシック"/>
            <family val="3"/>
            <charset val="128"/>
          </rPr>
          <t>最大１０００文字</t>
        </r>
        <r>
          <rPr>
            <sz val="9"/>
            <color indexed="81"/>
            <rFont val="ＭＳ Ｐゴシック"/>
            <family val="3"/>
            <charset val="128"/>
          </rPr>
          <t>の入力可能。
＜例＞美濃加茂市</t>
        </r>
      </text>
    </comment>
    <comment ref="D58" authorId="1" shapeId="0">
      <text>
        <r>
          <rPr>
            <b/>
            <sz val="9"/>
            <color indexed="81"/>
            <rFont val="ＭＳ Ｐゴシック"/>
            <family val="3"/>
            <charset val="128"/>
          </rPr>
          <t>最大１０００文字</t>
        </r>
        <r>
          <rPr>
            <sz val="9"/>
            <color indexed="81"/>
            <rFont val="ＭＳ Ｐゴシック"/>
            <family val="3"/>
            <charset val="128"/>
          </rPr>
          <t>の入力可能。
＜例＞お届けから４ヶ月</t>
        </r>
      </text>
    </comment>
    <comment ref="D61" authorId="0" shapeId="0">
      <text>
        <r>
          <rPr>
            <sz val="9"/>
            <color indexed="81"/>
            <rFont val="ＭＳ Ｐゴシック"/>
            <family val="3"/>
            <charset val="128"/>
          </rPr>
          <t xml:space="preserve">・「対応する」「対応しない」のどちらかを選択してください。
・「常温配送」から「チョイス限定」まで
　すべての項目について選択をお願いします。
</t>
        </r>
        <r>
          <rPr>
            <sz val="9"/>
            <color indexed="81"/>
            <rFont val="ＭＳ Ｐゴシック"/>
            <family val="3"/>
            <charset val="128"/>
          </rPr>
          <t xml:space="preserve">
</t>
        </r>
      </text>
    </comment>
    <comment ref="D64" authorId="1" shapeId="0">
      <text>
        <r>
          <rPr>
            <sz val="9"/>
            <color indexed="81"/>
            <rFont val="ＭＳ Ｐゴシック"/>
            <family val="3"/>
            <charset val="128"/>
          </rPr>
          <t xml:space="preserve">ふるさと納税の返礼品として定期的に送るもの。（頒布会形式など）
・定期的に配送を行う商品は、選択してください。
</t>
        </r>
      </text>
    </comment>
    <comment ref="D69" authorId="0" shapeId="0">
      <text>
        <r>
          <rPr>
            <sz val="9"/>
            <color indexed="81"/>
            <rFont val="ＭＳ Ｐゴシック"/>
            <family val="3"/>
            <charset val="128"/>
          </rPr>
          <t>・カテゴリの選択をお願いします。（プルダウン）
・カテゴリは２つのキーワードで表現するので
　左右両方を組み合わせてください。
・１つのカテゴリで表現できない場合は、
　カテゴリ②やカテゴリ③を使ってください。
★カテゴリは、シート「カテゴリ」に全てが
　掲載してあるので、参考にしてください。</t>
        </r>
      </text>
    </comment>
    <comment ref="D77" authorId="2" shapeId="0">
      <text>
        <r>
          <rPr>
            <sz val="9"/>
            <color indexed="81"/>
            <rFont val="ＭＳ Ｐゴシック"/>
            <family val="3"/>
            <charset val="128"/>
          </rPr>
          <t>御社ホームページのURLをご記入ください。</t>
        </r>
      </text>
    </comment>
    <comment ref="D79" authorId="2" shapeId="0">
      <text>
        <r>
          <rPr>
            <sz val="9"/>
            <color indexed="81"/>
            <rFont val="ＭＳ Ｐゴシック"/>
            <family val="3"/>
            <charset val="128"/>
          </rPr>
          <t xml:space="preserve">ユーチューブのURLをご記入ください。
</t>
        </r>
      </text>
    </comment>
  </commentList>
</comments>
</file>

<file path=xl/sharedStrings.xml><?xml version="1.0" encoding="utf-8"?>
<sst xmlns="http://schemas.openxmlformats.org/spreadsheetml/2006/main" count="370" uniqueCount="257">
  <si>
    <t>容量</t>
    <rPh sb="0" eb="2">
      <t>ヨウリョウ</t>
    </rPh>
    <phoneticPr fontId="2"/>
  </si>
  <si>
    <t>お礼の品名</t>
    <rPh sb="1" eb="2">
      <t>レイ</t>
    </rPh>
    <rPh sb="3" eb="4">
      <t>シナ</t>
    </rPh>
    <rPh sb="4" eb="5">
      <t>メイ</t>
    </rPh>
    <phoneticPr fontId="2"/>
  </si>
  <si>
    <t>５行→</t>
    <rPh sb="1" eb="2">
      <t>ギョウ</t>
    </rPh>
    <phoneticPr fontId="2"/>
  </si>
  <si>
    <t>対応する</t>
    <rPh sb="0" eb="2">
      <t>タイオウ</t>
    </rPh>
    <phoneticPr fontId="2"/>
  </si>
  <si>
    <t>対応しない</t>
    <rPh sb="0" eb="2">
      <t>タイオウ</t>
    </rPh>
    <phoneticPr fontId="2"/>
  </si>
  <si>
    <t>冷蔵配送</t>
    <rPh sb="0" eb="2">
      <t>レイゾウ</t>
    </rPh>
    <rPh sb="2" eb="4">
      <t>ハイソウ</t>
    </rPh>
    <phoneticPr fontId="2"/>
  </si>
  <si>
    <t>冷凍配送</t>
    <rPh sb="0" eb="2">
      <t>レイトウ</t>
    </rPh>
    <rPh sb="2" eb="4">
      <t>ハイソウ</t>
    </rPh>
    <phoneticPr fontId="2"/>
  </si>
  <si>
    <t>定期配送対応</t>
    <rPh sb="0" eb="2">
      <t>テイキ</t>
    </rPh>
    <rPh sb="2" eb="4">
      <t>ハイソウ</t>
    </rPh>
    <rPh sb="4" eb="6">
      <t>タイオウ</t>
    </rPh>
    <phoneticPr fontId="2"/>
  </si>
  <si>
    <t>包装対応</t>
    <rPh sb="0" eb="2">
      <t>ホウソウ</t>
    </rPh>
    <rPh sb="2" eb="4">
      <t>タイオウ</t>
    </rPh>
    <phoneticPr fontId="2"/>
  </si>
  <si>
    <t>のし対応</t>
    <rPh sb="2" eb="4">
      <t>タイオウ</t>
    </rPh>
    <phoneticPr fontId="2"/>
  </si>
  <si>
    <t>カテゴリ</t>
    <phoneticPr fontId="2"/>
  </si>
  <si>
    <t>米・パン</t>
    <phoneticPr fontId="2"/>
  </si>
  <si>
    <t>菓子</t>
    <phoneticPr fontId="2"/>
  </si>
  <si>
    <t>感謝状等</t>
    <phoneticPr fontId="2"/>
  </si>
  <si>
    <t>調味料･油</t>
    <phoneticPr fontId="2"/>
  </si>
  <si>
    <t>麺類</t>
    <phoneticPr fontId="2"/>
  </si>
  <si>
    <t>飲料類</t>
    <phoneticPr fontId="2"/>
  </si>
  <si>
    <t>加工品等</t>
    <phoneticPr fontId="2"/>
  </si>
  <si>
    <t>果物類</t>
    <phoneticPr fontId="2"/>
  </si>
  <si>
    <t>野菜類</t>
    <phoneticPr fontId="2"/>
  </si>
  <si>
    <t>肉</t>
    <phoneticPr fontId="2"/>
  </si>
  <si>
    <t>米</t>
    <phoneticPr fontId="2"/>
  </si>
  <si>
    <t>パン</t>
    <phoneticPr fontId="2"/>
  </si>
  <si>
    <t>雑穀</t>
    <phoneticPr fontId="2"/>
  </si>
  <si>
    <t>もち米・餅</t>
    <phoneticPr fontId="2"/>
  </si>
  <si>
    <t>玄米</t>
    <phoneticPr fontId="2"/>
  </si>
  <si>
    <t>無洗米</t>
    <phoneticPr fontId="2"/>
  </si>
  <si>
    <t>牛肉</t>
    <rPh sb="0" eb="2">
      <t>ギュウニク</t>
    </rPh>
    <phoneticPr fontId="2"/>
  </si>
  <si>
    <t>豚肉</t>
    <rPh sb="0" eb="2">
      <t>ブタニク</t>
    </rPh>
    <phoneticPr fontId="2"/>
  </si>
  <si>
    <t>鶏肉</t>
    <rPh sb="0" eb="2">
      <t>トリニク</t>
    </rPh>
    <phoneticPr fontId="2"/>
  </si>
  <si>
    <t>羊肉・鴨肉</t>
    <rPh sb="0" eb="1">
      <t>ヒツジ</t>
    </rPh>
    <rPh sb="1" eb="2">
      <t>ニク</t>
    </rPh>
    <rPh sb="3" eb="4">
      <t>カモ</t>
    </rPh>
    <rPh sb="4" eb="5">
      <t>ニク</t>
    </rPh>
    <phoneticPr fontId="2"/>
  </si>
  <si>
    <t>フグ</t>
    <phoneticPr fontId="2"/>
  </si>
  <si>
    <t>牡蠣</t>
    <rPh sb="0" eb="2">
      <t>カキ</t>
    </rPh>
    <phoneticPr fontId="2"/>
  </si>
  <si>
    <t>干物</t>
    <rPh sb="0" eb="1">
      <t>ホ</t>
    </rPh>
    <rPh sb="1" eb="2">
      <t>モノ</t>
    </rPh>
    <phoneticPr fontId="2"/>
  </si>
  <si>
    <t>サザエ</t>
    <phoneticPr fontId="2"/>
  </si>
  <si>
    <t>川魚</t>
    <rPh sb="0" eb="1">
      <t>カワ</t>
    </rPh>
    <rPh sb="1" eb="2">
      <t>サカナ</t>
    </rPh>
    <phoneticPr fontId="2"/>
  </si>
  <si>
    <t>寿司</t>
    <rPh sb="0" eb="2">
      <t>スシ</t>
    </rPh>
    <phoneticPr fontId="2"/>
  </si>
  <si>
    <t>のり・海藻</t>
    <rPh sb="3" eb="5">
      <t>カイソウ</t>
    </rPh>
    <phoneticPr fontId="2"/>
  </si>
  <si>
    <t>カニ</t>
    <phoneticPr fontId="2"/>
  </si>
  <si>
    <t>海老</t>
    <phoneticPr fontId="2"/>
  </si>
  <si>
    <t>変更あり</t>
    <rPh sb="0" eb="2">
      <t>ヘンコウ</t>
    </rPh>
    <phoneticPr fontId="2"/>
  </si>
  <si>
    <t>変更なし</t>
    <rPh sb="0" eb="2">
      <t>ヘンコウ</t>
    </rPh>
    <phoneticPr fontId="2"/>
  </si>
  <si>
    <t>-</t>
  </si>
  <si>
    <t>-</t>
    <phoneticPr fontId="2"/>
  </si>
  <si>
    <t>トマト</t>
    <phoneticPr fontId="2"/>
  </si>
  <si>
    <t>豆類</t>
    <rPh sb="0" eb="2">
      <t>マメルイ</t>
    </rPh>
    <phoneticPr fontId="2"/>
  </si>
  <si>
    <t>とうもろこし</t>
    <phoneticPr fontId="2"/>
  </si>
  <si>
    <t>その他</t>
    <rPh sb="2" eb="3">
      <t>タ</t>
    </rPh>
    <phoneticPr fontId="2"/>
  </si>
  <si>
    <t>山菜・きのこ</t>
    <rPh sb="0" eb="2">
      <t>サンサイ</t>
    </rPh>
    <phoneticPr fontId="2"/>
  </si>
  <si>
    <t>もも</t>
    <phoneticPr fontId="2"/>
  </si>
  <si>
    <t>ぶどう</t>
    <phoneticPr fontId="2"/>
  </si>
  <si>
    <t>りんご・梨</t>
    <rPh sb="4" eb="5">
      <t>ナシ</t>
    </rPh>
    <phoneticPr fontId="2"/>
  </si>
  <si>
    <t>柿・栗</t>
    <rPh sb="0" eb="1">
      <t>カキ</t>
    </rPh>
    <rPh sb="2" eb="3">
      <t>クリ</t>
    </rPh>
    <phoneticPr fontId="2"/>
  </si>
  <si>
    <t>マンゴー</t>
    <phoneticPr fontId="2"/>
  </si>
  <si>
    <t>いちご</t>
    <phoneticPr fontId="2"/>
  </si>
  <si>
    <t>ビール</t>
    <phoneticPr fontId="2"/>
  </si>
  <si>
    <t>日本酒</t>
    <rPh sb="0" eb="3">
      <t>ニホンシュ</t>
    </rPh>
    <phoneticPr fontId="2"/>
  </si>
  <si>
    <t>ワイン</t>
    <phoneticPr fontId="2"/>
  </si>
  <si>
    <t>宿泊券</t>
    <rPh sb="0" eb="3">
      <t>シュクハクケン</t>
    </rPh>
    <phoneticPr fontId="2"/>
  </si>
  <si>
    <t>お食事券</t>
    <rPh sb="1" eb="4">
      <t>ショクジケン</t>
    </rPh>
    <phoneticPr fontId="2"/>
  </si>
  <si>
    <t>温泉利用券</t>
    <rPh sb="0" eb="2">
      <t>オンセン</t>
    </rPh>
    <rPh sb="2" eb="5">
      <t>リヨウケン</t>
    </rPh>
    <phoneticPr fontId="2"/>
  </si>
  <si>
    <t>体験チケット</t>
    <rPh sb="0" eb="2">
      <t>タイケン</t>
    </rPh>
    <phoneticPr fontId="2"/>
  </si>
  <si>
    <t>花火大会チケット</t>
    <rPh sb="0" eb="2">
      <t>ハナビ</t>
    </rPh>
    <rPh sb="2" eb="4">
      <t>タイカイ</t>
    </rPh>
    <phoneticPr fontId="2"/>
  </si>
  <si>
    <t>スキーチケット</t>
    <phoneticPr fontId="2"/>
  </si>
  <si>
    <t>ゴルフ場利用券</t>
    <rPh sb="3" eb="4">
      <t>ジョウ</t>
    </rPh>
    <rPh sb="4" eb="7">
      <t>リヨウケン</t>
    </rPh>
    <phoneticPr fontId="2"/>
  </si>
  <si>
    <t>ポイント</t>
    <phoneticPr fontId="2"/>
  </si>
  <si>
    <t>缶詰・瓶詰</t>
    <rPh sb="0" eb="2">
      <t>カンヅメ</t>
    </rPh>
    <rPh sb="3" eb="5">
      <t>ビンヅ</t>
    </rPh>
    <phoneticPr fontId="2"/>
  </si>
  <si>
    <t>燻製</t>
    <rPh sb="0" eb="2">
      <t>クンセイ</t>
    </rPh>
    <phoneticPr fontId="2"/>
  </si>
  <si>
    <t>豆腐・納豆</t>
    <rPh sb="0" eb="2">
      <t>トウフ</t>
    </rPh>
    <rPh sb="3" eb="5">
      <t>ナットウ</t>
    </rPh>
    <phoneticPr fontId="2"/>
  </si>
  <si>
    <t>乾物</t>
    <rPh sb="0" eb="2">
      <t>カンブツ</t>
    </rPh>
    <phoneticPr fontId="2"/>
  </si>
  <si>
    <t>果汁飲料</t>
    <rPh sb="0" eb="2">
      <t>カジュウ</t>
    </rPh>
    <rPh sb="2" eb="4">
      <t>インリョウ</t>
    </rPh>
    <phoneticPr fontId="2"/>
  </si>
  <si>
    <t>お茶類</t>
    <rPh sb="1" eb="2">
      <t>チャ</t>
    </rPh>
    <rPh sb="2" eb="3">
      <t>ルイ</t>
    </rPh>
    <phoneticPr fontId="2"/>
  </si>
  <si>
    <t>コーヒー</t>
    <phoneticPr fontId="2"/>
  </si>
  <si>
    <t>紅茶</t>
    <rPh sb="0" eb="2">
      <t>コウチャ</t>
    </rPh>
    <phoneticPr fontId="2"/>
  </si>
  <si>
    <t>炭酸飲料</t>
    <rPh sb="0" eb="2">
      <t>タンサン</t>
    </rPh>
    <rPh sb="2" eb="4">
      <t>インリョウ</t>
    </rPh>
    <phoneticPr fontId="2"/>
  </si>
  <si>
    <t>和菓子</t>
    <rPh sb="0" eb="3">
      <t>ワガシ</t>
    </rPh>
    <phoneticPr fontId="2"/>
  </si>
  <si>
    <t>うどん</t>
    <phoneticPr fontId="2"/>
  </si>
  <si>
    <t>そば</t>
    <phoneticPr fontId="2"/>
  </si>
  <si>
    <t>そうめん</t>
    <phoneticPr fontId="2"/>
  </si>
  <si>
    <t>パスタ</t>
    <phoneticPr fontId="2"/>
  </si>
  <si>
    <t>麺類その他</t>
    <rPh sb="4" eb="5">
      <t>タ</t>
    </rPh>
    <phoneticPr fontId="2"/>
  </si>
  <si>
    <t>ラーメン</t>
    <phoneticPr fontId="2"/>
  </si>
  <si>
    <t>ネックレス</t>
    <phoneticPr fontId="2"/>
  </si>
  <si>
    <t>イヤリング</t>
    <phoneticPr fontId="2"/>
  </si>
  <si>
    <t>石鹸</t>
    <rPh sb="0" eb="2">
      <t>セッケン</t>
    </rPh>
    <phoneticPr fontId="2"/>
  </si>
  <si>
    <t>食用油</t>
    <rPh sb="0" eb="3">
      <t>ショクヨウアブラ</t>
    </rPh>
    <phoneticPr fontId="2"/>
  </si>
  <si>
    <t>塩・だし</t>
    <rPh sb="0" eb="1">
      <t>シオ</t>
    </rPh>
    <phoneticPr fontId="2"/>
  </si>
  <si>
    <t>健康食品</t>
    <rPh sb="0" eb="2">
      <t>ケンコウ</t>
    </rPh>
    <rPh sb="2" eb="4">
      <t>ショクヒン</t>
    </rPh>
    <phoneticPr fontId="2"/>
  </si>
  <si>
    <t>本・DVD</t>
    <rPh sb="0" eb="1">
      <t>ホン</t>
    </rPh>
    <phoneticPr fontId="2"/>
  </si>
  <si>
    <t>ファッション</t>
    <phoneticPr fontId="2"/>
  </si>
  <si>
    <t>花・苗木</t>
    <rPh sb="0" eb="1">
      <t>ハナ</t>
    </rPh>
    <rPh sb="2" eb="4">
      <t>ナエギ</t>
    </rPh>
    <phoneticPr fontId="2"/>
  </si>
  <si>
    <t>名前を刻印</t>
    <rPh sb="0" eb="2">
      <t>ナマエ</t>
    </rPh>
    <rPh sb="3" eb="5">
      <t>コクイン</t>
    </rPh>
    <phoneticPr fontId="2"/>
  </si>
  <si>
    <t>カタログ</t>
    <phoneticPr fontId="2"/>
  </si>
  <si>
    <t>生き物</t>
    <rPh sb="0" eb="1">
      <t>イ</t>
    </rPh>
    <rPh sb="2" eb="3">
      <t>モノ</t>
    </rPh>
    <phoneticPr fontId="2"/>
  </si>
  <si>
    <t>卵加工品</t>
    <rPh sb="0" eb="1">
      <t>タマゴ</t>
    </rPh>
    <rPh sb="1" eb="4">
      <t>カコウヒン</t>
    </rPh>
    <phoneticPr fontId="2"/>
  </si>
  <si>
    <t>カテゴリ①</t>
    <phoneticPr fontId="2"/>
  </si>
  <si>
    <t>カテゴリ②</t>
    <phoneticPr fontId="2"/>
  </si>
  <si>
    <t>カテゴリ③</t>
    <phoneticPr fontId="2"/>
  </si>
  <si>
    <t>現在のナンバー</t>
    <rPh sb="0" eb="2">
      <t>ゲンザイ</t>
    </rPh>
    <phoneticPr fontId="2"/>
  </si>
  <si>
    <t>ハム・ソーセージ・ハンバーグ</t>
    <phoneticPr fontId="2"/>
  </si>
  <si>
    <t>馬肉・猪肉・鹿肉</t>
    <rPh sb="0" eb="1">
      <t>ウマ</t>
    </rPh>
    <rPh sb="1" eb="2">
      <t>ニク</t>
    </rPh>
    <rPh sb="3" eb="4">
      <t>イノシシ</t>
    </rPh>
    <rPh sb="4" eb="5">
      <t>ニク</t>
    </rPh>
    <rPh sb="6" eb="7">
      <t>シカ</t>
    </rPh>
    <rPh sb="7" eb="8">
      <t>ニク</t>
    </rPh>
    <phoneticPr fontId="2"/>
  </si>
  <si>
    <t>その他肉・加工品</t>
    <rPh sb="2" eb="3">
      <t>タ</t>
    </rPh>
    <rPh sb="3" eb="4">
      <t>ニク</t>
    </rPh>
    <rPh sb="5" eb="7">
      <t>カコウ</t>
    </rPh>
    <rPh sb="7" eb="8">
      <t>シナ</t>
    </rPh>
    <phoneticPr fontId="2"/>
  </si>
  <si>
    <t>惣菜・パン・ハンバーガー等</t>
    <phoneticPr fontId="2"/>
  </si>
  <si>
    <t>メロン・スイカ</t>
    <phoneticPr fontId="2"/>
  </si>
  <si>
    <t>その他果物・詰合せ</t>
    <rPh sb="2" eb="3">
      <t>タ</t>
    </rPh>
    <rPh sb="3" eb="5">
      <t>クダモノ</t>
    </rPh>
    <rPh sb="6" eb="8">
      <t>ツメアワ</t>
    </rPh>
    <phoneticPr fontId="2"/>
  </si>
  <si>
    <t>びわ・さくらんぼ</t>
    <phoneticPr fontId="2"/>
  </si>
  <si>
    <t>みかん・柑橘類</t>
    <rPh sb="4" eb="7">
      <t>カンキツルイ</t>
    </rPh>
    <phoneticPr fontId="2"/>
  </si>
  <si>
    <t>海老・カニ等</t>
    <rPh sb="5" eb="6">
      <t>トウ</t>
    </rPh>
    <phoneticPr fontId="2"/>
  </si>
  <si>
    <t>蟹・海老加工品</t>
    <rPh sb="0" eb="1">
      <t>カニ</t>
    </rPh>
    <rPh sb="2" eb="4">
      <t>エビ</t>
    </rPh>
    <rPh sb="4" eb="6">
      <t>カコウ</t>
    </rPh>
    <rPh sb="6" eb="7">
      <t>シナ</t>
    </rPh>
    <phoneticPr fontId="2"/>
  </si>
  <si>
    <t>魚貝類</t>
    <rPh sb="1" eb="2">
      <t>カイ</t>
    </rPh>
    <phoneticPr fontId="2"/>
  </si>
  <si>
    <t>鯛・金目鯛・のどぐろ</t>
    <rPh sb="0" eb="1">
      <t>タイ</t>
    </rPh>
    <rPh sb="2" eb="4">
      <t>カネメ</t>
    </rPh>
    <rPh sb="4" eb="5">
      <t>タイ</t>
    </rPh>
    <phoneticPr fontId="2"/>
  </si>
  <si>
    <t>鮭・サーモン</t>
    <rPh sb="0" eb="1">
      <t>サケ</t>
    </rPh>
    <phoneticPr fontId="2"/>
  </si>
  <si>
    <t>カツオ・マグロ</t>
    <phoneticPr fontId="2"/>
  </si>
  <si>
    <t>旬の鮮魚等</t>
    <rPh sb="0" eb="1">
      <t>シュン</t>
    </rPh>
    <rPh sb="2" eb="4">
      <t>センギョ</t>
    </rPh>
    <rPh sb="4" eb="5">
      <t>トウ</t>
    </rPh>
    <phoneticPr fontId="2"/>
  </si>
  <si>
    <t>イカ・タコ・ウニ</t>
    <phoneticPr fontId="2"/>
  </si>
  <si>
    <t>うなぎ・穴子・はも</t>
    <rPh sb="4" eb="6">
      <t>アナゴ</t>
    </rPh>
    <phoneticPr fontId="2"/>
  </si>
  <si>
    <t>さんま・ししゃも</t>
    <phoneticPr fontId="2"/>
  </si>
  <si>
    <t>いくら・数の子・キャビア</t>
    <rPh sb="4" eb="5">
      <t>カズ</t>
    </rPh>
    <rPh sb="6" eb="7">
      <t>コ</t>
    </rPh>
    <phoneticPr fontId="2"/>
  </si>
  <si>
    <t>アワビ・ホタテ他</t>
    <rPh sb="7" eb="8">
      <t>ホカ</t>
    </rPh>
    <phoneticPr fontId="2"/>
  </si>
  <si>
    <t>かまぼこ・練り製品</t>
    <rPh sb="5" eb="6">
      <t>ネ</t>
    </rPh>
    <rPh sb="7" eb="9">
      <t>セイヒン</t>
    </rPh>
    <phoneticPr fontId="2"/>
  </si>
  <si>
    <t>しらす・ちりめん</t>
    <phoneticPr fontId="2"/>
  </si>
  <si>
    <t>漬魚（味噌・粕等）</t>
    <rPh sb="0" eb="1">
      <t>ヅケ</t>
    </rPh>
    <rPh sb="1" eb="2">
      <t>サカナ</t>
    </rPh>
    <rPh sb="3" eb="5">
      <t>ミソ</t>
    </rPh>
    <rPh sb="6" eb="7">
      <t>カス</t>
    </rPh>
    <rPh sb="7" eb="8">
      <t>トウ</t>
    </rPh>
    <phoneticPr fontId="2"/>
  </si>
  <si>
    <t>その他魚貝・加工品</t>
    <rPh sb="2" eb="3">
      <t>タ</t>
    </rPh>
    <rPh sb="3" eb="5">
      <t>ギョカイ</t>
    </rPh>
    <rPh sb="6" eb="9">
      <t>カコウヒン</t>
    </rPh>
    <phoneticPr fontId="2"/>
  </si>
  <si>
    <t>たらこ・明太子</t>
    <rPh sb="4" eb="7">
      <t>メンタイコ</t>
    </rPh>
    <phoneticPr fontId="2"/>
  </si>
  <si>
    <t>セット・詰合せ</t>
    <rPh sb="4" eb="6">
      <t>ツメアワ</t>
    </rPh>
    <phoneticPr fontId="2"/>
  </si>
  <si>
    <t>じゃがいも・サツマイモ</t>
    <phoneticPr fontId="2"/>
  </si>
  <si>
    <t>ねぎ・玉ねぎ</t>
    <rPh sb="3" eb="4">
      <t>タマ</t>
    </rPh>
    <phoneticPr fontId="2"/>
  </si>
  <si>
    <t>アスパラガス・茄子</t>
    <rPh sb="7" eb="9">
      <t>ナス</t>
    </rPh>
    <phoneticPr fontId="2"/>
  </si>
  <si>
    <t>薬味・ハーブ</t>
    <rPh sb="0" eb="2">
      <t>ヤクミ</t>
    </rPh>
    <phoneticPr fontId="2"/>
  </si>
  <si>
    <t>ジュース・加工品</t>
    <rPh sb="5" eb="8">
      <t>カコウヒン</t>
    </rPh>
    <phoneticPr fontId="2"/>
  </si>
  <si>
    <t>人参・大根・他根菜</t>
    <rPh sb="0" eb="2">
      <t>ニンジン</t>
    </rPh>
    <rPh sb="3" eb="5">
      <t>ダイコン</t>
    </rPh>
    <rPh sb="6" eb="7">
      <t>ホカ</t>
    </rPh>
    <rPh sb="7" eb="9">
      <t>コンサイ</t>
    </rPh>
    <phoneticPr fontId="2"/>
  </si>
  <si>
    <t>卵（鶏、鳥骨鶏等）</t>
    <rPh sb="4" eb="5">
      <t>トリ</t>
    </rPh>
    <rPh sb="5" eb="6">
      <t>ホネ</t>
    </rPh>
    <rPh sb="6" eb="7">
      <t>ニワトリ</t>
    </rPh>
    <phoneticPr fontId="2"/>
  </si>
  <si>
    <t>卵（鶏、鳥骨鶏等）</t>
    <phoneticPr fontId="2"/>
  </si>
  <si>
    <t>お酒</t>
    <rPh sb="1" eb="2">
      <t>サケ</t>
    </rPh>
    <phoneticPr fontId="2"/>
  </si>
  <si>
    <t>焼酎</t>
    <rPh sb="0" eb="2">
      <t>ショウチュウ</t>
    </rPh>
    <phoneticPr fontId="2"/>
  </si>
  <si>
    <t>泡盛</t>
    <rPh sb="0" eb="2">
      <t>アワモリ</t>
    </rPh>
    <phoneticPr fontId="2"/>
  </si>
  <si>
    <t>洋酒・リキュール類</t>
    <rPh sb="0" eb="2">
      <t>ヨウシュ</t>
    </rPh>
    <rPh sb="8" eb="9">
      <t>ルイ</t>
    </rPh>
    <phoneticPr fontId="2"/>
  </si>
  <si>
    <t>水・ミネラルウォーター</t>
    <rPh sb="0" eb="1">
      <t>ミズ</t>
    </rPh>
    <phoneticPr fontId="2"/>
  </si>
  <si>
    <t>牛乳・乳飲料</t>
    <rPh sb="0" eb="2">
      <t>ギュウニュウ</t>
    </rPh>
    <rPh sb="3" eb="6">
      <t>ニュウインリョウ</t>
    </rPh>
    <phoneticPr fontId="2"/>
  </si>
  <si>
    <t>イベントやチケット等</t>
    <rPh sb="9" eb="10">
      <t>トウ</t>
    </rPh>
    <phoneticPr fontId="2"/>
  </si>
  <si>
    <t>入場券・優待券</t>
    <rPh sb="0" eb="3">
      <t>ニュウジョウケン</t>
    </rPh>
    <rPh sb="4" eb="7">
      <t>ユウタイケン</t>
    </rPh>
    <phoneticPr fontId="2"/>
  </si>
  <si>
    <t>地元　のお買物券</t>
    <rPh sb="0" eb="2">
      <t>ジモト</t>
    </rPh>
    <rPh sb="5" eb="6">
      <t>カ</t>
    </rPh>
    <rPh sb="6" eb="7">
      <t>モノ</t>
    </rPh>
    <rPh sb="7" eb="8">
      <t>ケン</t>
    </rPh>
    <phoneticPr fontId="2"/>
  </si>
  <si>
    <t>ケーキ・カステラ</t>
    <phoneticPr fontId="2"/>
  </si>
  <si>
    <t>焼菓子・チョコレート</t>
    <rPh sb="0" eb="1">
      <t>ヤ</t>
    </rPh>
    <rPh sb="1" eb="3">
      <t>ガシ</t>
    </rPh>
    <phoneticPr fontId="2"/>
  </si>
  <si>
    <t>煎餅・おかき</t>
    <rPh sb="0" eb="2">
      <t>センベイ</t>
    </rPh>
    <phoneticPr fontId="2"/>
  </si>
  <si>
    <t>スナック・駄菓子</t>
    <rPh sb="5" eb="8">
      <t>ダガシ</t>
    </rPh>
    <phoneticPr fontId="2"/>
  </si>
  <si>
    <t>ゼリー・プリン</t>
    <phoneticPr fontId="2"/>
  </si>
  <si>
    <t>アイス・ヨーグルト</t>
    <phoneticPr fontId="2"/>
  </si>
  <si>
    <t>饅頭・羊羹・大福</t>
    <rPh sb="0" eb="2">
      <t>マンジュウ</t>
    </rPh>
    <rPh sb="3" eb="5">
      <t>ヨウカン</t>
    </rPh>
    <rPh sb="6" eb="8">
      <t>ダイフク</t>
    </rPh>
    <phoneticPr fontId="2"/>
  </si>
  <si>
    <t>飴（あめ）</t>
    <rPh sb="0" eb="1">
      <t>アメ</t>
    </rPh>
    <phoneticPr fontId="2"/>
  </si>
  <si>
    <t>その他菓子・詰合せ</t>
    <rPh sb="2" eb="3">
      <t>タ</t>
    </rPh>
    <rPh sb="3" eb="5">
      <t>カシ</t>
    </rPh>
    <rPh sb="6" eb="8">
      <t>ツメアワ</t>
    </rPh>
    <phoneticPr fontId="2"/>
  </si>
  <si>
    <t>地域のお礼の品</t>
    <rPh sb="6" eb="7">
      <t>シナ</t>
    </rPh>
    <phoneticPr fontId="2"/>
  </si>
  <si>
    <t>惣菜・レトルト</t>
    <rPh sb="0" eb="2">
      <t>ソウザイ</t>
    </rPh>
    <phoneticPr fontId="2"/>
  </si>
  <si>
    <t>梅干・漬物・キムチ</t>
    <rPh sb="0" eb="2">
      <t>ウメボシ</t>
    </rPh>
    <rPh sb="3" eb="5">
      <t>ツケモノ</t>
    </rPh>
    <phoneticPr fontId="2"/>
  </si>
  <si>
    <t>チーズ・バター</t>
    <phoneticPr fontId="2"/>
  </si>
  <si>
    <t>はちみつ・砂糖</t>
    <rPh sb="5" eb="7">
      <t>サトウ</t>
    </rPh>
    <phoneticPr fontId="2"/>
  </si>
  <si>
    <t>ジャム</t>
    <phoneticPr fontId="2"/>
  </si>
  <si>
    <t>味噌</t>
    <rPh sb="0" eb="2">
      <t>ミソ</t>
    </rPh>
    <phoneticPr fontId="2"/>
  </si>
  <si>
    <t>醤油</t>
    <rPh sb="0" eb="2">
      <t>ショウユ</t>
    </rPh>
    <phoneticPr fontId="2"/>
  </si>
  <si>
    <t>たれ・ドレッシング</t>
    <phoneticPr fontId="2"/>
  </si>
  <si>
    <t>雑貨・日用品</t>
    <phoneticPr fontId="2"/>
  </si>
  <si>
    <t>食器・グラス</t>
    <rPh sb="0" eb="2">
      <t>ショッキ</t>
    </rPh>
    <phoneticPr fontId="2"/>
  </si>
  <si>
    <t>タオル・寝具</t>
    <rPh sb="4" eb="6">
      <t>シング</t>
    </rPh>
    <phoneticPr fontId="2"/>
  </si>
  <si>
    <t>文房具・玩具</t>
    <rPh sb="0" eb="3">
      <t>ブンボウグ</t>
    </rPh>
    <rPh sb="4" eb="6">
      <t>ガング</t>
    </rPh>
    <phoneticPr fontId="2"/>
  </si>
  <si>
    <t>切手・写真・はがき</t>
    <rPh sb="0" eb="2">
      <t>キッテ</t>
    </rPh>
    <rPh sb="3" eb="5">
      <t>シャシン</t>
    </rPh>
    <phoneticPr fontId="2"/>
  </si>
  <si>
    <t>キャラクター・ぬいぐるみ</t>
    <phoneticPr fontId="2"/>
  </si>
  <si>
    <t>福祉・バリアフリー用品</t>
    <rPh sb="0" eb="2">
      <t>フクシ</t>
    </rPh>
    <rPh sb="9" eb="11">
      <t>ヨウヒン</t>
    </rPh>
    <phoneticPr fontId="2"/>
  </si>
  <si>
    <t>包丁</t>
    <rPh sb="0" eb="2">
      <t>ホウチョウ</t>
    </rPh>
    <phoneticPr fontId="2"/>
  </si>
  <si>
    <t>美容</t>
    <rPh sb="0" eb="2">
      <t>ビヨウ</t>
    </rPh>
    <phoneticPr fontId="2"/>
  </si>
  <si>
    <t>化粧水・乳液</t>
    <rPh sb="0" eb="3">
      <t>ケショウスイ</t>
    </rPh>
    <rPh sb="4" eb="6">
      <t>ニュウエキ</t>
    </rPh>
    <phoneticPr fontId="2"/>
  </si>
  <si>
    <t>アロマ・入浴剤</t>
    <rPh sb="4" eb="6">
      <t>ニュウヨク</t>
    </rPh>
    <rPh sb="6" eb="7">
      <t>ザイ</t>
    </rPh>
    <phoneticPr fontId="2"/>
  </si>
  <si>
    <t>工芸品・装飾品</t>
    <rPh sb="2" eb="3">
      <t>シナ</t>
    </rPh>
    <rPh sb="6" eb="7">
      <t>シナ</t>
    </rPh>
    <phoneticPr fontId="2"/>
  </si>
  <si>
    <t>民芸品・工芸品</t>
    <rPh sb="0" eb="3">
      <t>ミンゲイヒン</t>
    </rPh>
    <rPh sb="4" eb="7">
      <t>コウゲイヒン</t>
    </rPh>
    <phoneticPr fontId="2"/>
  </si>
  <si>
    <t>福祉施設製品</t>
    <rPh sb="0" eb="2">
      <t>フクシ</t>
    </rPh>
    <rPh sb="2" eb="4">
      <t>シセツ</t>
    </rPh>
    <rPh sb="4" eb="6">
      <t>セイヒン</t>
    </rPh>
    <phoneticPr fontId="2"/>
  </si>
  <si>
    <t>認定書・会員証</t>
    <rPh sb="0" eb="3">
      <t>ニンテイショ</t>
    </rPh>
    <rPh sb="4" eb="7">
      <t>カイインショウ</t>
    </rPh>
    <phoneticPr fontId="2"/>
  </si>
  <si>
    <t>服</t>
    <rPh sb="0" eb="1">
      <t>フク</t>
    </rPh>
    <phoneticPr fontId="2"/>
  </si>
  <si>
    <t>小物</t>
    <rPh sb="0" eb="2">
      <t>コモノ</t>
    </rPh>
    <phoneticPr fontId="2"/>
  </si>
  <si>
    <t>カバン</t>
    <phoneticPr fontId="2"/>
  </si>
  <si>
    <t>アクセサリー</t>
    <phoneticPr fontId="2"/>
  </si>
  <si>
    <t>鞄・スリッパ・下駄</t>
    <rPh sb="0" eb="1">
      <t>カバン</t>
    </rPh>
    <rPh sb="7" eb="9">
      <t>ゲタ</t>
    </rPh>
    <phoneticPr fontId="2"/>
  </si>
  <si>
    <t>財布</t>
    <rPh sb="0" eb="2">
      <t>サイフ</t>
    </rPh>
    <phoneticPr fontId="2"/>
  </si>
  <si>
    <t>その他</t>
    <rPh sb="2" eb="3">
      <t>タ</t>
    </rPh>
    <phoneticPr fontId="2"/>
  </si>
  <si>
    <t>旅行</t>
    <rPh sb="0" eb="2">
      <t>リョコウ</t>
    </rPh>
    <phoneticPr fontId="2"/>
  </si>
  <si>
    <t>パッケージ旅行</t>
    <rPh sb="5" eb="7">
      <t>リョコウ</t>
    </rPh>
    <phoneticPr fontId="2"/>
  </si>
  <si>
    <t>鍋セット</t>
    <rPh sb="0" eb="1">
      <t>ナベ</t>
    </rPh>
    <phoneticPr fontId="2"/>
  </si>
  <si>
    <t>ジビエ鍋</t>
    <rPh sb="3" eb="4">
      <t>ナベ</t>
    </rPh>
    <phoneticPr fontId="2"/>
  </si>
  <si>
    <t>モツ鍋</t>
    <rPh sb="2" eb="3">
      <t>ナベ</t>
    </rPh>
    <phoneticPr fontId="2"/>
  </si>
  <si>
    <t>水炊き</t>
    <rPh sb="0" eb="2">
      <t>ミズタ</t>
    </rPh>
    <phoneticPr fontId="2"/>
  </si>
  <si>
    <t>海鮮鍋</t>
    <rPh sb="0" eb="2">
      <t>カイセン</t>
    </rPh>
    <rPh sb="2" eb="3">
      <t>ナベ</t>
    </rPh>
    <phoneticPr fontId="2"/>
  </si>
  <si>
    <t>郷土鍋</t>
    <rPh sb="0" eb="2">
      <t>キョウド</t>
    </rPh>
    <rPh sb="2" eb="3">
      <t>ナベ</t>
    </rPh>
    <phoneticPr fontId="2"/>
  </si>
  <si>
    <t>しゃぶしゃぶ</t>
    <phoneticPr fontId="2"/>
  </si>
  <si>
    <t>すき焼き</t>
    <rPh sb="2" eb="3">
      <t>ヤ</t>
    </rPh>
    <phoneticPr fontId="2"/>
  </si>
  <si>
    <t>おでん</t>
    <phoneticPr fontId="2"/>
  </si>
  <si>
    <t>その他</t>
    <rPh sb="2" eb="3">
      <t>タ</t>
    </rPh>
    <phoneticPr fontId="2"/>
  </si>
  <si>
    <t>１２行→</t>
    <rPh sb="2" eb="3">
      <t>ギョウ</t>
    </rPh>
    <phoneticPr fontId="2"/>
  </si>
  <si>
    <t>申込期日</t>
    <rPh sb="0" eb="2">
      <t>モウシコ</t>
    </rPh>
    <rPh sb="2" eb="4">
      <t>キジツ</t>
    </rPh>
    <phoneticPr fontId="2"/>
  </si>
  <si>
    <t>原産地</t>
    <rPh sb="0" eb="3">
      <t>ゲンサンチ</t>
    </rPh>
    <phoneticPr fontId="2"/>
  </si>
  <si>
    <t>賞味期限</t>
    <rPh sb="0" eb="2">
      <t>ショウミ</t>
    </rPh>
    <rPh sb="2" eb="4">
      <t>キゲン</t>
    </rPh>
    <phoneticPr fontId="2"/>
  </si>
  <si>
    <t>常温配送</t>
    <rPh sb="0" eb="2">
      <t>ジョウオン</t>
    </rPh>
    <rPh sb="2" eb="4">
      <t>ハイソウ</t>
    </rPh>
    <phoneticPr fontId="2"/>
  </si>
  <si>
    <t>加工地
（製造地）</t>
    <rPh sb="0" eb="2">
      <t>カコウ</t>
    </rPh>
    <rPh sb="2" eb="3">
      <t>チ</t>
    </rPh>
    <rPh sb="5" eb="7">
      <t>セイゾウ</t>
    </rPh>
    <rPh sb="7" eb="8">
      <t>チ</t>
    </rPh>
    <phoneticPr fontId="2"/>
  </si>
  <si>
    <t>※選択しない方を消してください。</t>
    <rPh sb="1" eb="3">
      <t>センタク</t>
    </rPh>
    <rPh sb="6" eb="7">
      <t>ホウ</t>
    </rPh>
    <rPh sb="8" eb="9">
      <t>ケ</t>
    </rPh>
    <phoneticPr fontId="2"/>
  </si>
  <si>
    <t>お礼の品画像（メイン画像１枚）</t>
    <rPh sb="1" eb="2">
      <t>レイ</t>
    </rPh>
    <rPh sb="3" eb="4">
      <t>シナ</t>
    </rPh>
    <rPh sb="4" eb="6">
      <t>ガゾウ</t>
    </rPh>
    <rPh sb="10" eb="12">
      <t>ガゾウ</t>
    </rPh>
    <rPh sb="13" eb="14">
      <t>マイ</t>
    </rPh>
    <phoneticPr fontId="2"/>
  </si>
  <si>
    <t>商品説明</t>
    <rPh sb="0" eb="2">
      <t>ショウヒン</t>
    </rPh>
    <rPh sb="2" eb="4">
      <t>セツメイ</t>
    </rPh>
    <phoneticPr fontId="2"/>
  </si>
  <si>
    <t>美濃加茂市</t>
    <rPh sb="0" eb="5">
      <t>ミノカモシ</t>
    </rPh>
    <phoneticPr fontId="2"/>
  </si>
  <si>
    <t>野菜類</t>
  </si>
  <si>
    <t>菓子</t>
  </si>
  <si>
    <t>①</t>
    <phoneticPr fontId="2"/>
  </si>
  <si>
    <t>②</t>
    <phoneticPr fontId="2"/>
  </si>
  <si>
    <t>③</t>
    <phoneticPr fontId="2"/>
  </si>
  <si>
    <t>④</t>
    <phoneticPr fontId="2"/>
  </si>
  <si>
    <t>⑤</t>
    <phoneticPr fontId="2"/>
  </si>
  <si>
    <t>⑥</t>
    <phoneticPr fontId="2"/>
  </si>
  <si>
    <t>⑦</t>
    <phoneticPr fontId="2"/>
  </si>
  <si>
    <t>⑧</t>
    <phoneticPr fontId="2"/>
  </si>
  <si>
    <t>⑩</t>
    <phoneticPr fontId="2"/>
  </si>
  <si>
    <t>⑫</t>
    <phoneticPr fontId="2"/>
  </si>
  <si>
    <t>⑭</t>
    <phoneticPr fontId="2"/>
  </si>
  <si>
    <t>⑮</t>
    <phoneticPr fontId="2"/>
  </si>
  <si>
    <t>⑯</t>
    <phoneticPr fontId="2"/>
  </si>
  <si>
    <t>⑰</t>
    <phoneticPr fontId="2"/>
  </si>
  <si>
    <t>⑱</t>
    <phoneticPr fontId="2"/>
  </si>
  <si>
    <t>⑲</t>
    <phoneticPr fontId="2"/>
  </si>
  <si>
    <t>※すべての項目について入力、または選択してください。</t>
  </si>
  <si>
    <t>記入見本</t>
    <rPh sb="0" eb="2">
      <t>キニュウ</t>
    </rPh>
    <rPh sb="2" eb="4">
      <t>ミホン</t>
    </rPh>
    <phoneticPr fontId="2"/>
  </si>
  <si>
    <t>返礼品情報入力画面　　　</t>
    <rPh sb="0" eb="2">
      <t>ヘンレイ</t>
    </rPh>
    <rPh sb="2" eb="3">
      <t>ヒン</t>
    </rPh>
    <rPh sb="3" eb="5">
      <t>ジョウホウ</t>
    </rPh>
    <rPh sb="5" eb="7">
      <t>ニュウリョク</t>
    </rPh>
    <rPh sb="7" eb="9">
      <t>ガメン</t>
    </rPh>
    <phoneticPr fontId="2"/>
  </si>
  <si>
    <t>※「ふるさとチョイス」へ掲載します。</t>
    <rPh sb="12" eb="14">
      <t>ケイサイ</t>
    </rPh>
    <phoneticPr fontId="2"/>
  </si>
  <si>
    <t>インテリア・絵画</t>
    <rPh sb="6" eb="8">
      <t>カイガ</t>
    </rPh>
    <phoneticPr fontId="2"/>
  </si>
  <si>
    <t>防災グッズ</t>
    <rPh sb="0" eb="2">
      <t>ボウサイ</t>
    </rPh>
    <phoneticPr fontId="2"/>
  </si>
  <si>
    <t>しじみ・あさり・蛤</t>
    <rPh sb="8" eb="9">
      <t>ハマグリ</t>
    </rPh>
    <phoneticPr fontId="2"/>
  </si>
  <si>
    <t>ゆるキャラ</t>
    <phoneticPr fontId="2"/>
  </si>
  <si>
    <t>自治体にお任せ</t>
    <rPh sb="0" eb="3">
      <t>ジチタイ</t>
    </rPh>
    <rPh sb="5" eb="6">
      <t>マカ</t>
    </rPh>
    <phoneticPr fontId="2"/>
  </si>
  <si>
    <t>寄せ鍋</t>
    <rPh sb="0" eb="1">
      <t>ヨ</t>
    </rPh>
    <rPh sb="2" eb="3">
      <t>ナベ</t>
    </rPh>
    <phoneticPr fontId="2"/>
  </si>
  <si>
    <t>大項目</t>
    <rPh sb="0" eb="1">
      <t>ダイ</t>
    </rPh>
    <rPh sb="1" eb="3">
      <t>コウモク</t>
    </rPh>
    <phoneticPr fontId="2"/>
  </si>
  <si>
    <t>小項目</t>
    <rPh sb="0" eb="1">
      <t>ショウ</t>
    </rPh>
    <rPh sb="1" eb="3">
      <t>コウモク</t>
    </rPh>
    <phoneticPr fontId="2"/>
  </si>
  <si>
    <r>
      <t>詳細画像（任意）
　　</t>
    </r>
    <r>
      <rPr>
        <sz val="9"/>
        <color theme="1"/>
        <rFont val="ＭＳ Ｐゴシック"/>
        <family val="3"/>
        <charset val="128"/>
        <scheme val="minor"/>
      </rPr>
      <t>「ふるさとチョイス」８枚</t>
    </r>
    <rPh sb="0" eb="2">
      <t>ショウサイ</t>
    </rPh>
    <rPh sb="2" eb="4">
      <t>ガゾウ</t>
    </rPh>
    <rPh sb="5" eb="7">
      <t>ニンイ</t>
    </rPh>
    <rPh sb="22" eb="23">
      <t>マイ</t>
    </rPh>
    <phoneticPr fontId="2"/>
  </si>
  <si>
    <t>⑪</t>
    <phoneticPr fontId="2"/>
  </si>
  <si>
    <t>⑬</t>
    <phoneticPr fontId="2"/>
  </si>
  <si>
    <r>
      <t>※選択しない方を消してください。
※詳細画像は任意ですが、お礼の品画像１枚は</t>
    </r>
    <r>
      <rPr>
        <u/>
        <sz val="10"/>
        <color theme="1"/>
        <rFont val="ＭＳ Ｐゴシック"/>
        <family val="3"/>
        <charset val="128"/>
        <scheme val="minor"/>
      </rPr>
      <t>必ず</t>
    </r>
    <r>
      <rPr>
        <sz val="10"/>
        <color theme="1"/>
        <rFont val="ＭＳ Ｐゴシック"/>
        <family val="3"/>
        <charset val="128"/>
        <scheme val="minor"/>
      </rPr>
      <t>貼り付けてください。</t>
    </r>
    <rPh sb="1" eb="3">
      <t>センタク</t>
    </rPh>
    <rPh sb="6" eb="7">
      <t>ホウ</t>
    </rPh>
    <rPh sb="8" eb="9">
      <t>ケ</t>
    </rPh>
    <rPh sb="19" eb="21">
      <t>ショウサイ</t>
    </rPh>
    <rPh sb="21" eb="23">
      <t>ガゾウ</t>
    </rPh>
    <rPh sb="24" eb="26">
      <t>ニンイ</t>
    </rPh>
    <rPh sb="31" eb="32">
      <t>レイ</t>
    </rPh>
    <rPh sb="33" eb="34">
      <t>シナ</t>
    </rPh>
    <rPh sb="34" eb="36">
      <t>ガゾウ</t>
    </rPh>
    <rPh sb="37" eb="38">
      <t>マイ</t>
    </rPh>
    <rPh sb="39" eb="40">
      <t>カナラ</t>
    </rPh>
    <rPh sb="41" eb="42">
      <t>ハ</t>
    </rPh>
    <rPh sb="43" eb="44">
      <t>ツ</t>
    </rPh>
    <phoneticPr fontId="2"/>
  </si>
  <si>
    <t>事業者名</t>
    <rPh sb="0" eb="3">
      <t>ジギョウシャ</t>
    </rPh>
    <rPh sb="3" eb="4">
      <t>メイ</t>
    </rPh>
    <phoneticPr fontId="2"/>
  </si>
  <si>
    <r>
      <t>※画像サイズ</t>
    </r>
    <r>
      <rPr>
        <u/>
        <sz val="11"/>
        <color rgb="FFFF0000"/>
        <rFont val="ＭＳ Ｐゴシック"/>
        <family val="3"/>
        <charset val="128"/>
        <scheme val="minor"/>
      </rPr>
      <t xml:space="preserve">520px×323px
</t>
    </r>
    <r>
      <rPr>
        <sz val="11"/>
        <rFont val="ＭＳ Ｐゴシック"/>
        <family val="3"/>
        <charset val="128"/>
        <scheme val="minor"/>
      </rPr>
      <t>２MB以下。JPEG</t>
    </r>
    <rPh sb="1" eb="3">
      <t>ガゾウ</t>
    </rPh>
    <rPh sb="21" eb="23">
      <t>イカ</t>
    </rPh>
    <phoneticPr fontId="2"/>
  </si>
  <si>
    <t>⑨</t>
    <phoneticPr fontId="2"/>
  </si>
  <si>
    <t>アレルギー表示</t>
    <rPh sb="5" eb="7">
      <t>ヒョウジ</t>
    </rPh>
    <phoneticPr fontId="2"/>
  </si>
  <si>
    <t>発送期日（事務局用）</t>
    <rPh sb="0" eb="2">
      <t>ハッソウ</t>
    </rPh>
    <rPh sb="2" eb="4">
      <t>キジツ</t>
    </rPh>
    <rPh sb="5" eb="9">
      <t>ジムキョクヨウ</t>
    </rPh>
    <phoneticPr fontId="2"/>
  </si>
  <si>
    <t>御社ホームページURL</t>
    <rPh sb="0" eb="2">
      <t>オンシャ</t>
    </rPh>
    <phoneticPr fontId="2"/>
  </si>
  <si>
    <t>株式会社　みのかも</t>
    <phoneticPr fontId="2"/>
  </si>
  <si>
    <t>みのかも特産品詰め合わせ</t>
    <phoneticPr fontId="2"/>
  </si>
  <si>
    <t>美濃加茂のおいしい野菜や地元で人気のお菓子など、みのかもの特産品を盛りだくさんに詰め合わせました。
提供：株式会社　みのかも</t>
    <phoneticPr fontId="2"/>
  </si>
  <si>
    <t>季節野菜４点、お菓子３品</t>
    <phoneticPr fontId="2"/>
  </si>
  <si>
    <t>４月中旬から９月下旬まで</t>
    <phoneticPr fontId="2"/>
  </si>
  <si>
    <t>受注から約７日以内に発送</t>
    <rPh sb="0" eb="2">
      <t>ジュチュウ</t>
    </rPh>
    <rPh sb="4" eb="5">
      <t>ヤク</t>
    </rPh>
    <rPh sb="6" eb="7">
      <t>ヒ</t>
    </rPh>
    <rPh sb="7" eb="9">
      <t>イナイ</t>
    </rPh>
    <rPh sb="10" eb="12">
      <t>ハッソウ</t>
    </rPh>
    <phoneticPr fontId="2"/>
  </si>
  <si>
    <t>そば粉使用のためそばアレルギーの方はご遠慮ください。</t>
    <phoneticPr fontId="2"/>
  </si>
  <si>
    <t>お届けから２ヶ月</t>
    <phoneticPr fontId="2"/>
  </si>
  <si>
    <t>★</t>
    <phoneticPr fontId="2"/>
  </si>
  <si>
    <t>★</t>
    <phoneticPr fontId="2"/>
  </si>
  <si>
    <t>⑲</t>
    <phoneticPr fontId="2"/>
  </si>
  <si>
    <t>★</t>
    <phoneticPr fontId="2"/>
  </si>
  <si>
    <t>返礼品の動画があれば、ユーチューブの
埋め込みコードをご提供ください。</t>
    <rPh sb="0" eb="2">
      <t>ヘンレイ</t>
    </rPh>
    <rPh sb="2" eb="3">
      <t>ヒン</t>
    </rPh>
    <rPh sb="4" eb="6">
      <t>ドウガ</t>
    </rPh>
    <rPh sb="19" eb="20">
      <t>ウ</t>
    </rPh>
    <rPh sb="21" eb="22">
      <t>コ</t>
    </rPh>
    <rPh sb="28" eb="30">
      <t>テイキョ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25">
    <font>
      <sz val="11"/>
      <color theme="1"/>
      <name val="ＭＳ Ｐゴシック"/>
      <family val="2"/>
      <charset val="128"/>
      <scheme val="minor"/>
    </font>
    <font>
      <sz val="11"/>
      <color rgb="FFFF0000"/>
      <name val="ＭＳ Ｐゴシック"/>
      <family val="2"/>
      <charset val="128"/>
      <scheme val="minor"/>
    </font>
    <font>
      <sz val="6"/>
      <name val="ＭＳ Ｐゴシック"/>
      <family val="2"/>
      <charset val="128"/>
      <scheme val="minor"/>
    </font>
    <font>
      <sz val="8"/>
      <color theme="1"/>
      <name val="ＭＳ Ｐゴシック"/>
      <family val="2"/>
      <charset val="128"/>
      <scheme val="minor"/>
    </font>
    <font>
      <sz val="8"/>
      <color rgb="FFFF0000"/>
      <name val="ＭＳ Ｐゴシック"/>
      <family val="2"/>
      <charset val="128"/>
      <scheme val="minor"/>
    </font>
    <font>
      <sz val="8"/>
      <color rgb="FFFF0000"/>
      <name val="ＭＳ Ｐゴシック"/>
      <family val="3"/>
      <charset val="128"/>
      <scheme val="minor"/>
    </font>
    <font>
      <sz val="9"/>
      <color theme="1"/>
      <name val="ＭＳ Ｐゴシック"/>
      <family val="2"/>
      <charset val="128"/>
      <scheme val="minor"/>
    </font>
    <font>
      <sz val="9"/>
      <color theme="1"/>
      <name val="ＭＳ Ｐゴシック"/>
      <family val="3"/>
      <charset val="128"/>
      <scheme val="minor"/>
    </font>
    <font>
      <sz val="9"/>
      <color rgb="FFFF0000"/>
      <name val="ＭＳ Ｐゴシック"/>
      <family val="2"/>
      <charset val="128"/>
      <scheme val="minor"/>
    </font>
    <font>
      <sz val="9"/>
      <color rgb="FFFF0000"/>
      <name val="ＭＳ Ｐゴシック"/>
      <family val="3"/>
      <charset val="128"/>
      <scheme val="minor"/>
    </font>
    <font>
      <b/>
      <sz val="9"/>
      <color indexed="81"/>
      <name val="ＭＳ Ｐゴシック"/>
      <family val="3"/>
      <charset val="128"/>
    </font>
    <font>
      <sz val="9"/>
      <color indexed="81"/>
      <name val="ＭＳ Ｐゴシック"/>
      <family val="3"/>
      <charset val="128"/>
    </font>
    <font>
      <sz val="11"/>
      <name val="ＭＳ Ｐゴシック"/>
      <family val="2"/>
      <charset val="128"/>
      <scheme val="minor"/>
    </font>
    <font>
      <sz val="11"/>
      <name val="ＭＳ Ｐゴシック"/>
      <family val="3"/>
      <charset val="128"/>
      <scheme val="minor"/>
    </font>
    <font>
      <sz val="8"/>
      <color theme="1"/>
      <name val="ＭＳ Ｐゴシック"/>
      <family val="3"/>
      <charset val="128"/>
      <scheme val="minor"/>
    </font>
    <font>
      <sz val="12"/>
      <color theme="1"/>
      <name val="ＭＳ Ｐゴシック"/>
      <family val="2"/>
      <charset val="128"/>
      <scheme val="minor"/>
    </font>
    <font>
      <sz val="11"/>
      <color theme="1"/>
      <name val="ＭＳ Ｐゴシック"/>
      <family val="3"/>
      <charset val="128"/>
      <scheme val="minor"/>
    </font>
    <font>
      <sz val="10"/>
      <color theme="1"/>
      <name val="ＭＳ Ｐゴシック"/>
      <family val="2"/>
      <charset val="128"/>
      <scheme val="minor"/>
    </font>
    <font>
      <sz val="10"/>
      <color theme="1"/>
      <name val="ＭＳ Ｐゴシック"/>
      <family val="3"/>
      <charset val="128"/>
      <scheme val="minor"/>
    </font>
    <font>
      <sz val="10"/>
      <color rgb="FFFF0000"/>
      <name val="ＭＳ Ｐゴシック"/>
      <family val="2"/>
      <charset val="128"/>
      <scheme val="minor"/>
    </font>
    <font>
      <sz val="10"/>
      <color rgb="FFFF0000"/>
      <name val="ＭＳ Ｐゴシック"/>
      <family val="3"/>
      <charset val="128"/>
      <scheme val="minor"/>
    </font>
    <font>
      <u/>
      <sz val="11"/>
      <color rgb="FFFF0000"/>
      <name val="ＭＳ Ｐゴシック"/>
      <family val="3"/>
      <charset val="128"/>
      <scheme val="minor"/>
    </font>
    <font>
      <u/>
      <sz val="10"/>
      <color theme="1"/>
      <name val="ＭＳ Ｐゴシック"/>
      <family val="3"/>
      <charset val="128"/>
      <scheme val="minor"/>
    </font>
    <font>
      <b/>
      <sz val="12"/>
      <color theme="1"/>
      <name val="ＭＳ Ｐゴシック"/>
      <family val="3"/>
      <charset val="128"/>
      <scheme val="minor"/>
    </font>
    <font>
      <b/>
      <u/>
      <sz val="12"/>
      <color theme="1"/>
      <name val="ＭＳ Ｐゴシック"/>
      <family val="3"/>
      <charset val="128"/>
      <scheme val="minor"/>
    </font>
  </fonts>
  <fills count="2">
    <fill>
      <patternFill patternType="none"/>
    </fill>
    <fill>
      <patternFill patternType="gray125"/>
    </fill>
  </fills>
  <borders count="23">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s>
  <cellStyleXfs count="1">
    <xf numFmtId="0" fontId="0" fillId="0" borderId="0">
      <alignment vertical="center"/>
    </xf>
  </cellStyleXfs>
  <cellXfs count="115">
    <xf numFmtId="0" fontId="0" fillId="0" borderId="0" xfId="0">
      <alignment vertical="center"/>
    </xf>
    <xf numFmtId="0" fontId="0" fillId="0" borderId="0" xfId="0" applyAlignment="1">
      <alignment vertical="center" shrinkToFit="1"/>
    </xf>
    <xf numFmtId="0" fontId="0" fillId="0" borderId="0" xfId="0" applyAlignment="1">
      <alignment horizontal="right" vertical="center"/>
    </xf>
    <xf numFmtId="0" fontId="0" fillId="0" borderId="0" xfId="0" applyBorder="1" applyAlignment="1">
      <alignment vertical="center"/>
    </xf>
    <xf numFmtId="0" fontId="0" fillId="0" borderId="0" xfId="0" applyBorder="1">
      <alignment vertical="center"/>
    </xf>
    <xf numFmtId="0" fontId="0" fillId="0" borderId="0" xfId="0" applyBorder="1" applyAlignment="1">
      <alignment vertical="top" wrapText="1"/>
    </xf>
    <xf numFmtId="0" fontId="0" fillId="0" borderId="12" xfId="0" applyBorder="1" applyAlignment="1">
      <alignment vertical="center" shrinkToFit="1"/>
    </xf>
    <xf numFmtId="0" fontId="1" fillId="0" borderId="0" xfId="0" applyFont="1" applyFill="1" applyBorder="1" applyAlignment="1">
      <alignment horizontal="right" vertical="center" shrinkToFit="1"/>
    </xf>
    <xf numFmtId="0" fontId="0" fillId="0" borderId="3" xfId="0" applyBorder="1" applyAlignment="1">
      <alignment vertical="center" shrinkToFit="1"/>
    </xf>
    <xf numFmtId="0" fontId="0" fillId="0" borderId="0" xfId="0" applyBorder="1" applyAlignment="1">
      <alignment horizontal="right" vertical="center" shrinkToFit="1"/>
    </xf>
    <xf numFmtId="0" fontId="0" fillId="0" borderId="1" xfId="0" applyBorder="1" applyAlignment="1">
      <alignment vertical="center" shrinkToFit="1"/>
    </xf>
    <xf numFmtId="0" fontId="1" fillId="0" borderId="0" xfId="0" applyFont="1" applyBorder="1" applyAlignment="1">
      <alignment vertical="top" shrinkToFit="1"/>
    </xf>
    <xf numFmtId="0" fontId="6" fillId="0" borderId="0" xfId="0" applyFont="1" applyBorder="1" applyAlignment="1">
      <alignment vertical="top" wrapText="1"/>
    </xf>
    <xf numFmtId="0" fontId="0" fillId="0" borderId="0" xfId="0" applyAlignment="1">
      <alignment vertical="top"/>
    </xf>
    <xf numFmtId="0" fontId="6" fillId="0" borderId="0" xfId="0" applyFont="1">
      <alignment vertical="center"/>
    </xf>
    <xf numFmtId="0" fontId="0" fillId="0" borderId="4" xfId="0" applyBorder="1">
      <alignment vertical="center"/>
    </xf>
    <xf numFmtId="0" fontId="4" fillId="0" borderId="8" xfId="0" applyFont="1" applyBorder="1" applyAlignment="1">
      <alignment vertical="center" wrapText="1"/>
    </xf>
    <xf numFmtId="0" fontId="5" fillId="0" borderId="8" xfId="0" applyFont="1" applyBorder="1" applyAlignment="1">
      <alignment vertical="center"/>
    </xf>
    <xf numFmtId="0" fontId="0" fillId="0" borderId="0" xfId="0" applyBorder="1" applyAlignment="1">
      <alignment horizontal="left" vertical="center"/>
    </xf>
    <xf numFmtId="0" fontId="0" fillId="0" borderId="12" xfId="0" applyBorder="1" applyAlignment="1">
      <alignment horizontal="center" vertical="center" shrinkToFit="1"/>
    </xf>
    <xf numFmtId="0" fontId="0" fillId="0" borderId="3" xfId="0" applyBorder="1" applyAlignment="1">
      <alignment vertical="center"/>
    </xf>
    <xf numFmtId="0" fontId="3" fillId="0" borderId="12" xfId="0" applyFont="1" applyBorder="1" applyAlignment="1">
      <alignment vertical="center" wrapText="1"/>
    </xf>
    <xf numFmtId="0" fontId="14" fillId="0" borderId="12" xfId="0" applyFont="1" applyBorder="1" applyAlignment="1">
      <alignment vertical="center" wrapText="1"/>
    </xf>
    <xf numFmtId="0" fontId="14" fillId="0" borderId="3" xfId="0" applyFont="1" applyBorder="1" applyAlignment="1">
      <alignment vertical="center" wrapText="1"/>
    </xf>
    <xf numFmtId="0" fontId="0" fillId="0" borderId="13" xfId="0" applyBorder="1" applyAlignment="1">
      <alignment vertical="center" shrinkToFit="1"/>
    </xf>
    <xf numFmtId="0" fontId="14" fillId="0" borderId="13" xfId="0" applyFont="1" applyBorder="1" applyAlignment="1">
      <alignment vertical="center" wrapText="1"/>
    </xf>
    <xf numFmtId="0" fontId="0" fillId="0" borderId="0" xfId="0" applyBorder="1" applyAlignment="1">
      <alignment horizontal="left" vertical="top" wrapText="1"/>
    </xf>
    <xf numFmtId="0" fontId="8" fillId="0" borderId="0" xfId="0" applyFont="1" applyBorder="1" applyAlignment="1">
      <alignment vertical="top" wrapText="1"/>
    </xf>
    <xf numFmtId="0" fontId="6" fillId="0" borderId="0" xfId="0" applyFont="1" applyFill="1" applyBorder="1" applyAlignment="1">
      <alignment horizontal="left" vertical="top"/>
    </xf>
    <xf numFmtId="0" fontId="7" fillId="0" borderId="0" xfId="0" applyFont="1" applyFill="1" applyBorder="1" applyAlignment="1">
      <alignment vertical="top"/>
    </xf>
    <xf numFmtId="0" fontId="9" fillId="0" borderId="0" xfId="0" applyFont="1" applyBorder="1" applyAlignment="1">
      <alignment vertical="top" wrapText="1"/>
    </xf>
    <xf numFmtId="0" fontId="0" fillId="0" borderId="0" xfId="0" applyFill="1" applyBorder="1" applyAlignment="1">
      <alignment vertical="top"/>
    </xf>
    <xf numFmtId="0" fontId="0" fillId="0" borderId="0" xfId="0" applyBorder="1" applyAlignment="1">
      <alignment horizontal="left" vertical="top"/>
    </xf>
    <xf numFmtId="0" fontId="0" fillId="0" borderId="0" xfId="0" applyAlignment="1">
      <alignment horizontal="left" vertical="top" wrapText="1"/>
    </xf>
    <xf numFmtId="0" fontId="0" fillId="0" borderId="0" xfId="0" applyFont="1" applyBorder="1" applyAlignment="1">
      <alignment vertical="top"/>
    </xf>
    <xf numFmtId="0" fontId="0" fillId="0" borderId="0" xfId="0" applyFont="1" applyAlignment="1">
      <alignment vertical="center"/>
    </xf>
    <xf numFmtId="0" fontId="0" fillId="0" borderId="0" xfId="0" applyFont="1" applyAlignment="1">
      <alignment vertical="center" shrinkToFit="1"/>
    </xf>
    <xf numFmtId="0" fontId="0" fillId="0" borderId="0" xfId="0" applyBorder="1" applyAlignment="1">
      <alignment horizontal="center" vertical="center" shrinkToFit="1"/>
    </xf>
    <xf numFmtId="0" fontId="0" fillId="0" borderId="0" xfId="0" applyAlignment="1">
      <alignment vertical="center" wrapText="1"/>
    </xf>
    <xf numFmtId="0" fontId="16" fillId="0" borderId="0" xfId="0" applyFont="1" applyFill="1" applyAlignment="1">
      <alignment vertical="center" shrinkToFit="1"/>
    </xf>
    <xf numFmtId="0" fontId="16" fillId="0" borderId="0" xfId="0" applyFont="1" applyAlignment="1">
      <alignment vertical="center" shrinkToFit="1"/>
    </xf>
    <xf numFmtId="0" fontId="15" fillId="0" borderId="0" xfId="0" applyFont="1" applyAlignment="1">
      <alignment horizontal="center" vertical="center"/>
    </xf>
    <xf numFmtId="0" fontId="16" fillId="0" borderId="0" xfId="0" applyFont="1" applyAlignment="1">
      <alignment vertical="center"/>
    </xf>
    <xf numFmtId="0" fontId="23" fillId="0" borderId="0" xfId="0" applyFont="1" applyAlignment="1">
      <alignment vertical="center"/>
    </xf>
    <xf numFmtId="0" fontId="20" fillId="0" borderId="0" xfId="0" applyFont="1" applyAlignment="1">
      <alignment vertical="center"/>
    </xf>
    <xf numFmtId="0" fontId="19" fillId="0" borderId="0" xfId="0" applyFont="1" applyAlignment="1">
      <alignment horizontal="left" vertical="center"/>
    </xf>
    <xf numFmtId="0" fontId="24" fillId="0" borderId="0" xfId="0" applyFont="1" applyAlignment="1">
      <alignment vertical="center"/>
    </xf>
    <xf numFmtId="0" fontId="0" fillId="0" borderId="22" xfId="0" applyFill="1" applyBorder="1" applyAlignment="1">
      <alignment vertical="center" shrinkToFit="1"/>
    </xf>
    <xf numFmtId="0" fontId="14" fillId="0" borderId="12" xfId="0" applyFont="1" applyBorder="1" applyAlignment="1">
      <alignment vertical="center" shrinkToFit="1"/>
    </xf>
    <xf numFmtId="0" fontId="0" fillId="0" borderId="0" xfId="0" applyAlignment="1">
      <alignment horizontal="center" vertical="center"/>
    </xf>
    <xf numFmtId="49" fontId="0" fillId="0" borderId="12" xfId="0" applyNumberFormat="1" applyBorder="1" applyAlignment="1">
      <alignment horizontal="center" vertical="center" shrinkToFit="1"/>
    </xf>
    <xf numFmtId="0" fontId="15" fillId="0" borderId="0" xfId="0" applyFont="1" applyBorder="1" applyAlignment="1">
      <alignment horizontal="center" vertical="center"/>
    </xf>
    <xf numFmtId="0" fontId="12" fillId="0" borderId="12" xfId="0" applyFont="1" applyFill="1" applyBorder="1" applyAlignment="1">
      <alignment vertical="center" shrinkToFit="1"/>
    </xf>
    <xf numFmtId="0" fontId="13" fillId="0" borderId="12" xfId="0" applyFont="1" applyFill="1" applyBorder="1" applyAlignment="1">
      <alignment vertical="center" shrinkToFit="1"/>
    </xf>
    <xf numFmtId="0" fontId="6" fillId="0" borderId="0" xfId="0" applyFont="1" applyBorder="1" applyAlignment="1">
      <alignment vertical="top" wrapText="1"/>
    </xf>
    <xf numFmtId="0" fontId="0" fillId="0" borderId="0" xfId="0" applyAlignment="1">
      <alignment vertical="center" wrapText="1"/>
    </xf>
    <xf numFmtId="0" fontId="0" fillId="0" borderId="0" xfId="0" applyBorder="1" applyAlignment="1">
      <alignment horizontal="left" vertical="top" wrapText="1"/>
    </xf>
    <xf numFmtId="0" fontId="0" fillId="0" borderId="0" xfId="0" applyBorder="1" applyAlignment="1">
      <alignment vertical="center" shrinkToFit="1"/>
    </xf>
    <xf numFmtId="0" fontId="0" fillId="0" borderId="0" xfId="0" applyAlignment="1">
      <alignment horizontal="left" vertical="center" shrinkToFit="1"/>
    </xf>
    <xf numFmtId="0" fontId="0" fillId="0" borderId="8" xfId="0" applyBorder="1" applyAlignment="1">
      <alignment horizontal="left" vertical="center" shrinkToFit="1"/>
    </xf>
    <xf numFmtId="0" fontId="0" fillId="0" borderId="12" xfId="0" applyBorder="1" applyAlignment="1">
      <alignment horizontal="center" vertical="center" shrinkToFit="1"/>
    </xf>
    <xf numFmtId="0" fontId="0" fillId="0" borderId="12" xfId="0" applyBorder="1" applyAlignment="1">
      <alignment horizontal="center" vertical="center"/>
    </xf>
    <xf numFmtId="0" fontId="0" fillId="0" borderId="0" xfId="0" applyAlignment="1">
      <alignment horizontal="left" vertical="center" wrapText="1" shrinkToFit="1"/>
    </xf>
    <xf numFmtId="0" fontId="6" fillId="0" borderId="0" xfId="0" applyFont="1" applyBorder="1" applyAlignment="1">
      <alignment vertical="top" wrapText="1"/>
    </xf>
    <xf numFmtId="0" fontId="0" fillId="0" borderId="0" xfId="0" applyAlignment="1">
      <alignment vertical="center" wrapText="1"/>
    </xf>
    <xf numFmtId="0" fontId="0" fillId="0" borderId="0" xfId="0" applyAlignment="1">
      <alignment vertical="center" wrapText="1" shrinkToFit="1"/>
    </xf>
    <xf numFmtId="0" fontId="17" fillId="0" borderId="0" xfId="0" applyFont="1" applyBorder="1" applyAlignment="1">
      <alignment vertical="center" wrapText="1"/>
    </xf>
    <xf numFmtId="0" fontId="18" fillId="0" borderId="0" xfId="0" applyFont="1" applyAlignment="1">
      <alignment vertical="center" wrapText="1"/>
    </xf>
    <xf numFmtId="0" fontId="0" fillId="0" borderId="1" xfId="0" applyBorder="1" applyAlignment="1">
      <alignment horizontal="center" vertical="center"/>
    </xf>
    <xf numFmtId="0" fontId="0" fillId="0" borderId="3" xfId="0" applyBorder="1" applyAlignment="1">
      <alignment horizontal="center" vertical="center"/>
    </xf>
    <xf numFmtId="0" fontId="0" fillId="0" borderId="2" xfId="0" applyBorder="1" applyAlignment="1">
      <alignment horizontal="center" vertical="center"/>
    </xf>
    <xf numFmtId="0" fontId="1" fillId="0" borderId="1" xfId="0" applyFont="1" applyBorder="1" applyAlignment="1">
      <alignment horizontal="left" vertical="center" shrinkToFit="1"/>
    </xf>
    <xf numFmtId="0" fontId="1" fillId="0" borderId="2" xfId="0" applyFont="1" applyBorder="1" applyAlignment="1">
      <alignment horizontal="left" vertical="center" shrinkToFit="1"/>
    </xf>
    <xf numFmtId="0" fontId="1" fillId="0" borderId="3" xfId="0" applyFont="1" applyBorder="1" applyAlignment="1">
      <alignment horizontal="left" vertical="center" shrinkToFit="1"/>
    </xf>
    <xf numFmtId="0" fontId="0" fillId="0" borderId="1" xfId="0" applyBorder="1" applyAlignment="1">
      <alignment horizontal="left" vertical="center"/>
    </xf>
    <xf numFmtId="0" fontId="0" fillId="0" borderId="2" xfId="0" applyBorder="1" applyAlignment="1">
      <alignment horizontal="left" vertical="center"/>
    </xf>
    <xf numFmtId="0" fontId="0" fillId="0" borderId="3" xfId="0" applyBorder="1" applyAlignment="1">
      <alignment horizontal="left" vertical="center"/>
    </xf>
    <xf numFmtId="0" fontId="0" fillId="0" borderId="0" xfId="0" applyAlignment="1">
      <alignment vertical="center"/>
    </xf>
    <xf numFmtId="0" fontId="0" fillId="0" borderId="8" xfId="0" applyBorder="1" applyAlignment="1">
      <alignment vertical="center"/>
    </xf>
    <xf numFmtId="0" fontId="18" fillId="0" borderId="0" xfId="0" applyFont="1" applyBorder="1" applyAlignment="1">
      <alignment vertical="center" wrapText="1"/>
    </xf>
    <xf numFmtId="0" fontId="0" fillId="0" borderId="4" xfId="0" applyBorder="1" applyAlignment="1">
      <alignment horizontal="left" vertical="top" wrapText="1"/>
    </xf>
    <xf numFmtId="0" fontId="0" fillId="0" borderId="5" xfId="0" applyBorder="1" applyAlignment="1">
      <alignment horizontal="left" vertical="top" wrapText="1"/>
    </xf>
    <xf numFmtId="0" fontId="0" fillId="0" borderId="6" xfId="0" applyBorder="1" applyAlignment="1">
      <alignment horizontal="left" vertical="top" wrapText="1"/>
    </xf>
    <xf numFmtId="0" fontId="0" fillId="0" borderId="7" xfId="0" applyBorder="1" applyAlignment="1">
      <alignment horizontal="left" vertical="top" wrapText="1"/>
    </xf>
    <xf numFmtId="0" fontId="0" fillId="0" borderId="0" xfId="0" applyBorder="1" applyAlignment="1">
      <alignment horizontal="left" vertical="top" wrapText="1"/>
    </xf>
    <xf numFmtId="0" fontId="0" fillId="0" borderId="8" xfId="0" applyBorder="1" applyAlignment="1">
      <alignment horizontal="left" vertical="top" wrapText="1"/>
    </xf>
    <xf numFmtId="0" fontId="0" fillId="0" borderId="9" xfId="0" applyBorder="1" applyAlignment="1">
      <alignment horizontal="left" vertical="top" wrapText="1"/>
    </xf>
    <xf numFmtId="0" fontId="0" fillId="0" borderId="10" xfId="0" applyBorder="1" applyAlignment="1">
      <alignment horizontal="left" vertical="top" wrapText="1"/>
    </xf>
    <xf numFmtId="0" fontId="0" fillId="0" borderId="11" xfId="0" applyBorder="1" applyAlignment="1">
      <alignment horizontal="left" vertical="top" wrapText="1"/>
    </xf>
    <xf numFmtId="0" fontId="0" fillId="0" borderId="1" xfId="0" applyBorder="1" applyAlignment="1">
      <alignment horizontal="center" vertical="center" wrapText="1"/>
    </xf>
    <xf numFmtId="0" fontId="0" fillId="0" borderId="3" xfId="0" applyBorder="1" applyAlignment="1">
      <alignment vertical="center" wrapText="1"/>
    </xf>
    <xf numFmtId="0" fontId="0" fillId="0" borderId="2" xfId="0" applyBorder="1" applyAlignment="1">
      <alignment horizontal="center" vertical="center" wrapText="1"/>
    </xf>
    <xf numFmtId="0" fontId="0" fillId="0" borderId="0" xfId="0" applyBorder="1" applyAlignment="1">
      <alignment horizontal="center" vertical="center" wrapText="1"/>
    </xf>
    <xf numFmtId="0" fontId="0" fillId="0" borderId="0" xfId="0" applyBorder="1" applyAlignment="1">
      <alignment vertical="center" wrapText="1"/>
    </xf>
    <xf numFmtId="0" fontId="16" fillId="0" borderId="0" xfId="0" applyFont="1" applyFill="1" applyAlignment="1">
      <alignment vertical="center" wrapText="1" shrinkToFit="1"/>
    </xf>
    <xf numFmtId="0" fontId="0" fillId="0" borderId="14" xfId="0" applyBorder="1" applyAlignment="1">
      <alignment horizontal="left" vertical="top" wrapText="1"/>
    </xf>
    <xf numFmtId="0" fontId="0" fillId="0" borderId="15" xfId="0" applyBorder="1" applyAlignment="1">
      <alignment horizontal="left" vertical="top" wrapText="1"/>
    </xf>
    <xf numFmtId="0" fontId="0" fillId="0" borderId="16" xfId="0" applyBorder="1" applyAlignment="1">
      <alignment horizontal="left" vertical="top" wrapText="1"/>
    </xf>
    <xf numFmtId="0" fontId="0" fillId="0" borderId="19" xfId="0" applyBorder="1" applyAlignment="1">
      <alignment horizontal="left" vertical="top" wrapText="1"/>
    </xf>
    <xf numFmtId="0" fontId="0" fillId="0" borderId="20" xfId="0" applyBorder="1" applyAlignment="1">
      <alignment horizontal="left" vertical="top" wrapText="1"/>
    </xf>
    <xf numFmtId="0" fontId="0" fillId="0" borderId="21" xfId="0" applyBorder="1" applyAlignment="1">
      <alignment horizontal="left" vertical="top" wrapText="1"/>
    </xf>
    <xf numFmtId="0" fontId="12" fillId="0" borderId="0" xfId="0" applyFont="1" applyAlignment="1">
      <alignment horizontal="center" vertical="center" wrapText="1"/>
    </xf>
    <xf numFmtId="0" fontId="0" fillId="0" borderId="0" xfId="0" applyAlignment="1">
      <alignment horizontal="center" vertical="center" wrapText="1"/>
    </xf>
    <xf numFmtId="0" fontId="17" fillId="0" borderId="0" xfId="0" applyFont="1" applyBorder="1" applyAlignment="1">
      <alignment horizontal="center" vertical="center" wrapText="1"/>
    </xf>
    <xf numFmtId="0" fontId="18" fillId="0" borderId="0" xfId="0" applyFont="1" applyBorder="1" applyAlignment="1">
      <alignment horizontal="center" vertical="center" wrapText="1"/>
    </xf>
    <xf numFmtId="0" fontId="0" fillId="0" borderId="0" xfId="0" applyBorder="1" applyAlignment="1">
      <alignment vertical="center" wrapText="1" shrinkToFit="1"/>
    </xf>
    <xf numFmtId="0" fontId="0" fillId="0" borderId="8" xfId="0" applyBorder="1" applyAlignment="1">
      <alignment vertical="center" wrapText="1"/>
    </xf>
    <xf numFmtId="0" fontId="0" fillId="0" borderId="17" xfId="0" applyBorder="1" applyAlignment="1">
      <alignment horizontal="left" vertical="top" wrapText="1"/>
    </xf>
    <xf numFmtId="0" fontId="0" fillId="0" borderId="18" xfId="0" applyBorder="1" applyAlignment="1">
      <alignment horizontal="left" vertical="top" wrapText="1"/>
    </xf>
    <xf numFmtId="0" fontId="16" fillId="0" borderId="0" xfId="0" applyFont="1" applyAlignment="1">
      <alignment horizontal="left" vertical="center" shrinkToFit="1"/>
    </xf>
    <xf numFmtId="0" fontId="16" fillId="0" borderId="18" xfId="0" applyFont="1" applyBorder="1" applyAlignment="1">
      <alignment horizontal="left" vertical="center" shrinkToFit="1"/>
    </xf>
    <xf numFmtId="0" fontId="23" fillId="0" borderId="0" xfId="0" applyFont="1" applyAlignment="1">
      <alignment horizontal="center" vertical="center"/>
    </xf>
    <xf numFmtId="0" fontId="12" fillId="0" borderId="1" xfId="0" applyFont="1" applyBorder="1" applyAlignment="1">
      <alignment horizontal="left" vertical="center" shrinkToFit="1"/>
    </xf>
    <xf numFmtId="0" fontId="13" fillId="0" borderId="2" xfId="0" applyFont="1" applyBorder="1" applyAlignment="1">
      <alignment horizontal="left" vertical="center" shrinkToFit="1"/>
    </xf>
    <xf numFmtId="0" fontId="13" fillId="0" borderId="3" xfId="0" applyFont="1" applyBorder="1" applyAlignment="1">
      <alignment horizontal="left"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5</xdr:col>
      <xdr:colOff>257175</xdr:colOff>
      <xdr:row>70</xdr:row>
      <xdr:rowOff>85725</xdr:rowOff>
    </xdr:from>
    <xdr:to>
      <xdr:col>6</xdr:col>
      <xdr:colOff>752474</xdr:colOff>
      <xdr:row>72</xdr:row>
      <xdr:rowOff>0</xdr:rowOff>
    </xdr:to>
    <xdr:sp macro="" textlink="">
      <xdr:nvSpPr>
        <xdr:cNvPr id="13" name="テキスト ボックス 12"/>
        <xdr:cNvSpPr txBox="1"/>
      </xdr:nvSpPr>
      <xdr:spPr>
        <a:xfrm>
          <a:off x="4457700" y="13535025"/>
          <a:ext cx="1181099"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900"/>
            <a:t>大項目用プルダウン</a:t>
          </a:r>
        </a:p>
      </xdr:txBody>
    </xdr:sp>
    <xdr:clientData/>
  </xdr:twoCellAnchor>
  <xdr:twoCellAnchor>
    <xdr:from>
      <xdr:col>4</xdr:col>
      <xdr:colOff>57150</xdr:colOff>
      <xdr:row>68</xdr:row>
      <xdr:rowOff>161925</xdr:rowOff>
    </xdr:from>
    <xdr:to>
      <xdr:col>5</xdr:col>
      <xdr:colOff>314325</xdr:colOff>
      <xdr:row>71</xdr:row>
      <xdr:rowOff>43575</xdr:rowOff>
    </xdr:to>
    <xdr:grpSp>
      <xdr:nvGrpSpPr>
        <xdr:cNvPr id="10" name="グループ化 9"/>
        <xdr:cNvGrpSpPr/>
      </xdr:nvGrpSpPr>
      <xdr:grpSpPr>
        <a:xfrm>
          <a:off x="3571875" y="13487400"/>
          <a:ext cx="942975" cy="396000"/>
          <a:chOff x="4933950" y="8724900"/>
          <a:chExt cx="942975" cy="396000"/>
        </a:xfrm>
      </xdr:grpSpPr>
      <xdr:cxnSp macro="">
        <xdr:nvCxnSpPr>
          <xdr:cNvPr id="5" name="直線コネクタ 4"/>
          <xdr:cNvCxnSpPr/>
        </xdr:nvCxnSpPr>
        <xdr:spPr>
          <a:xfrm flipV="1">
            <a:off x="4933950" y="9115425"/>
            <a:ext cx="942975" cy="0"/>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7" name="直線矢印コネクタ 6"/>
          <xdr:cNvCxnSpPr/>
        </xdr:nvCxnSpPr>
        <xdr:spPr>
          <a:xfrm flipV="1">
            <a:off x="4933950" y="8724900"/>
            <a:ext cx="0" cy="396000"/>
          </a:xfrm>
          <a:prstGeom prst="straightConnector1">
            <a:avLst/>
          </a:prstGeom>
          <a:ln>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xnSp macro="">
        <xdr:nvCxnSpPr>
          <xdr:cNvPr id="9" name="直線矢印コネクタ 8"/>
          <xdr:cNvCxnSpPr/>
        </xdr:nvCxnSpPr>
        <xdr:spPr>
          <a:xfrm flipV="1">
            <a:off x="5619750" y="8724900"/>
            <a:ext cx="0" cy="216000"/>
          </a:xfrm>
          <a:prstGeom prst="straightConnector1">
            <a:avLst/>
          </a:prstGeom>
          <a:ln>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7</xdr:col>
      <xdr:colOff>238125</xdr:colOff>
      <xdr:row>60</xdr:row>
      <xdr:rowOff>38100</xdr:rowOff>
    </xdr:from>
    <xdr:to>
      <xdr:col>7</xdr:col>
      <xdr:colOff>609600</xdr:colOff>
      <xdr:row>66</xdr:row>
      <xdr:rowOff>0</xdr:rowOff>
    </xdr:to>
    <xdr:sp macro="" textlink="">
      <xdr:nvSpPr>
        <xdr:cNvPr id="2" name="右中かっこ 1"/>
        <xdr:cNvSpPr/>
      </xdr:nvSpPr>
      <xdr:spPr>
        <a:xfrm>
          <a:off x="5915025" y="10544175"/>
          <a:ext cx="371475" cy="1247775"/>
        </a:xfrm>
        <a:prstGeom prst="rightBrace">
          <a:avLst/>
        </a:prstGeom>
        <a:solidFill>
          <a:sysClr val="window" lastClr="FFFFFF"/>
        </a:solidFill>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228600</xdr:colOff>
      <xdr:row>12</xdr:row>
      <xdr:rowOff>38100</xdr:rowOff>
    </xdr:from>
    <xdr:to>
      <xdr:col>7</xdr:col>
      <xdr:colOff>600075</xdr:colOff>
      <xdr:row>22</xdr:row>
      <xdr:rowOff>76200</xdr:rowOff>
    </xdr:to>
    <xdr:sp macro="" textlink="">
      <xdr:nvSpPr>
        <xdr:cNvPr id="14" name="右中かっこ 13"/>
        <xdr:cNvSpPr/>
      </xdr:nvSpPr>
      <xdr:spPr>
        <a:xfrm>
          <a:off x="5772150" y="2114550"/>
          <a:ext cx="371475" cy="1752600"/>
        </a:xfrm>
        <a:prstGeom prst="rightBrace">
          <a:avLst/>
        </a:prstGeom>
        <a:solidFill>
          <a:sysClr val="window" lastClr="FFFFFF"/>
        </a:solidFill>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57150</xdr:colOff>
      <xdr:row>70</xdr:row>
      <xdr:rowOff>28575</xdr:rowOff>
    </xdr:from>
    <xdr:to>
      <xdr:col>6</xdr:col>
      <xdr:colOff>55350</xdr:colOff>
      <xdr:row>70</xdr:row>
      <xdr:rowOff>28575</xdr:rowOff>
    </xdr:to>
    <xdr:cxnSp macro="">
      <xdr:nvCxnSpPr>
        <xdr:cNvPr id="11" name="直線コネクタ 10"/>
        <xdr:cNvCxnSpPr/>
      </xdr:nvCxnSpPr>
      <xdr:spPr>
        <a:xfrm flipV="1">
          <a:off x="4257675" y="13477875"/>
          <a:ext cx="684000" cy="0"/>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9525</xdr:colOff>
      <xdr:row>69</xdr:row>
      <xdr:rowOff>66675</xdr:rowOff>
    </xdr:from>
    <xdr:to>
      <xdr:col>7</xdr:col>
      <xdr:colOff>133349</xdr:colOff>
      <xdr:row>70</xdr:row>
      <xdr:rowOff>152400</xdr:rowOff>
    </xdr:to>
    <xdr:sp macro="" textlink="">
      <xdr:nvSpPr>
        <xdr:cNvPr id="12" name="テキスト ボックス 11"/>
        <xdr:cNvSpPr txBox="1"/>
      </xdr:nvSpPr>
      <xdr:spPr>
        <a:xfrm>
          <a:off x="4895850" y="13344525"/>
          <a:ext cx="1181099"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900"/>
            <a:t>小項目用プルダウン</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257175</xdr:colOff>
      <xdr:row>70</xdr:row>
      <xdr:rowOff>85725</xdr:rowOff>
    </xdr:from>
    <xdr:to>
      <xdr:col>6</xdr:col>
      <xdr:colOff>752474</xdr:colOff>
      <xdr:row>72</xdr:row>
      <xdr:rowOff>0</xdr:rowOff>
    </xdr:to>
    <xdr:sp macro="" textlink="">
      <xdr:nvSpPr>
        <xdr:cNvPr id="2" name="テキスト ボックス 1"/>
        <xdr:cNvSpPr txBox="1"/>
      </xdr:nvSpPr>
      <xdr:spPr>
        <a:xfrm>
          <a:off x="4457700" y="14116050"/>
          <a:ext cx="1181099"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900"/>
            <a:t>大項目用プルダウン</a:t>
          </a:r>
        </a:p>
      </xdr:txBody>
    </xdr:sp>
    <xdr:clientData/>
  </xdr:twoCellAnchor>
  <xdr:twoCellAnchor>
    <xdr:from>
      <xdr:col>4</xdr:col>
      <xdr:colOff>57150</xdr:colOff>
      <xdr:row>68</xdr:row>
      <xdr:rowOff>161925</xdr:rowOff>
    </xdr:from>
    <xdr:to>
      <xdr:col>5</xdr:col>
      <xdr:colOff>314325</xdr:colOff>
      <xdr:row>71</xdr:row>
      <xdr:rowOff>43575</xdr:rowOff>
    </xdr:to>
    <xdr:grpSp>
      <xdr:nvGrpSpPr>
        <xdr:cNvPr id="3" name="グループ化 2"/>
        <xdr:cNvGrpSpPr/>
      </xdr:nvGrpSpPr>
      <xdr:grpSpPr>
        <a:xfrm>
          <a:off x="3571875" y="13487400"/>
          <a:ext cx="942975" cy="396000"/>
          <a:chOff x="4933950" y="8724900"/>
          <a:chExt cx="942975" cy="396000"/>
        </a:xfrm>
      </xdr:grpSpPr>
      <xdr:cxnSp macro="">
        <xdr:nvCxnSpPr>
          <xdr:cNvPr id="4" name="直線コネクタ 3"/>
          <xdr:cNvCxnSpPr/>
        </xdr:nvCxnSpPr>
        <xdr:spPr>
          <a:xfrm flipV="1">
            <a:off x="4933950" y="9115425"/>
            <a:ext cx="942975" cy="0"/>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xnSp macro="">
        <xdr:nvCxnSpPr>
          <xdr:cNvPr id="5" name="直線矢印コネクタ 4"/>
          <xdr:cNvCxnSpPr/>
        </xdr:nvCxnSpPr>
        <xdr:spPr>
          <a:xfrm flipV="1">
            <a:off x="4933950" y="8724900"/>
            <a:ext cx="0" cy="396000"/>
          </a:xfrm>
          <a:prstGeom prst="straightConnector1">
            <a:avLst/>
          </a:prstGeom>
          <a:ln>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xnSp macro="">
        <xdr:nvCxnSpPr>
          <xdr:cNvPr id="6" name="直線矢印コネクタ 5"/>
          <xdr:cNvCxnSpPr/>
        </xdr:nvCxnSpPr>
        <xdr:spPr>
          <a:xfrm flipV="1">
            <a:off x="5619750" y="8724900"/>
            <a:ext cx="0" cy="216000"/>
          </a:xfrm>
          <a:prstGeom prst="straightConnector1">
            <a:avLst/>
          </a:prstGeom>
          <a:ln>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7</xdr:col>
      <xdr:colOff>238125</xdr:colOff>
      <xdr:row>60</xdr:row>
      <xdr:rowOff>38100</xdr:rowOff>
    </xdr:from>
    <xdr:to>
      <xdr:col>7</xdr:col>
      <xdr:colOff>609600</xdr:colOff>
      <xdr:row>66</xdr:row>
      <xdr:rowOff>0</xdr:rowOff>
    </xdr:to>
    <xdr:sp macro="" textlink="">
      <xdr:nvSpPr>
        <xdr:cNvPr id="7" name="右中かっこ 6"/>
        <xdr:cNvSpPr/>
      </xdr:nvSpPr>
      <xdr:spPr>
        <a:xfrm>
          <a:off x="6181725" y="11915775"/>
          <a:ext cx="371475" cy="1314450"/>
        </a:xfrm>
        <a:prstGeom prst="rightBrace">
          <a:avLst/>
        </a:prstGeom>
        <a:solidFill>
          <a:sysClr val="window" lastClr="FFFFFF"/>
        </a:solidFill>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228600</xdr:colOff>
      <xdr:row>12</xdr:row>
      <xdr:rowOff>38100</xdr:rowOff>
    </xdr:from>
    <xdr:to>
      <xdr:col>7</xdr:col>
      <xdr:colOff>600075</xdr:colOff>
      <xdr:row>22</xdr:row>
      <xdr:rowOff>76200</xdr:rowOff>
    </xdr:to>
    <xdr:sp macro="" textlink="">
      <xdr:nvSpPr>
        <xdr:cNvPr id="8" name="右中かっこ 7"/>
        <xdr:cNvSpPr/>
      </xdr:nvSpPr>
      <xdr:spPr>
        <a:xfrm>
          <a:off x="6172200" y="2514600"/>
          <a:ext cx="371475" cy="2438400"/>
        </a:xfrm>
        <a:prstGeom prst="rightBrace">
          <a:avLst/>
        </a:prstGeom>
        <a:solidFill>
          <a:sysClr val="window" lastClr="FFFFFF"/>
        </a:solidFill>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57150</xdr:colOff>
      <xdr:row>70</xdr:row>
      <xdr:rowOff>28575</xdr:rowOff>
    </xdr:from>
    <xdr:to>
      <xdr:col>6</xdr:col>
      <xdr:colOff>55350</xdr:colOff>
      <xdr:row>70</xdr:row>
      <xdr:rowOff>28575</xdr:rowOff>
    </xdr:to>
    <xdr:cxnSp macro="">
      <xdr:nvCxnSpPr>
        <xdr:cNvPr id="9" name="直線コネクタ 8"/>
        <xdr:cNvCxnSpPr/>
      </xdr:nvCxnSpPr>
      <xdr:spPr>
        <a:xfrm flipV="1">
          <a:off x="4257675" y="14058900"/>
          <a:ext cx="684000" cy="0"/>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9525</xdr:colOff>
      <xdr:row>69</xdr:row>
      <xdr:rowOff>66675</xdr:rowOff>
    </xdr:from>
    <xdr:to>
      <xdr:col>7</xdr:col>
      <xdr:colOff>133349</xdr:colOff>
      <xdr:row>70</xdr:row>
      <xdr:rowOff>152400</xdr:rowOff>
    </xdr:to>
    <xdr:sp macro="" textlink="">
      <xdr:nvSpPr>
        <xdr:cNvPr id="10" name="テキスト ボックス 9"/>
        <xdr:cNvSpPr txBox="1"/>
      </xdr:nvSpPr>
      <xdr:spPr>
        <a:xfrm>
          <a:off x="4895850" y="13925550"/>
          <a:ext cx="1181099"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900"/>
            <a:t>小項目用プルダウン</a:t>
          </a:r>
        </a:p>
      </xdr:txBody>
    </xdr:sp>
    <xdr:clientData/>
  </xdr:twoCellAnchor>
  <xdr:twoCellAnchor>
    <xdr:from>
      <xdr:col>6</xdr:col>
      <xdr:colOff>876300</xdr:colOff>
      <xdr:row>18</xdr:row>
      <xdr:rowOff>142875</xdr:rowOff>
    </xdr:from>
    <xdr:to>
      <xdr:col>10</xdr:col>
      <xdr:colOff>9525</xdr:colOff>
      <xdr:row>25</xdr:row>
      <xdr:rowOff>0</xdr:rowOff>
    </xdr:to>
    <xdr:sp macro="" textlink="">
      <xdr:nvSpPr>
        <xdr:cNvPr id="11" name="テキスト ボックス 10"/>
        <xdr:cNvSpPr txBox="1"/>
      </xdr:nvSpPr>
      <xdr:spPr>
        <a:xfrm>
          <a:off x="5762625" y="3914775"/>
          <a:ext cx="2190750" cy="1504950"/>
        </a:xfrm>
        <a:prstGeom prst="rect">
          <a:avLst/>
        </a:prstGeom>
        <a:solidFill>
          <a:schemeClr val="accent5">
            <a:lumMod val="20000"/>
            <a:lumOff val="8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3200"/>
            <a:t>写真</a:t>
          </a:r>
          <a:endParaRPr kumimoji="1" lang="en-US" altLang="ja-JP" sz="3200"/>
        </a:p>
        <a:p>
          <a:pPr algn="ctr"/>
          <a:r>
            <a:rPr kumimoji="1" lang="ja-JP" altLang="en-US" sz="1100"/>
            <a:t>ここに写真を貼り付けてください。</a:t>
          </a:r>
          <a:endParaRPr kumimoji="1" lang="en-US" altLang="ja-JP" sz="1100"/>
        </a:p>
        <a:p>
          <a:pPr algn="ctr"/>
          <a:r>
            <a:rPr kumimoji="1" lang="ja-JP" altLang="en-US" sz="1100"/>
            <a:t>写真を別で送られても構いません。</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pageSetUpPr fitToPage="1"/>
  </sheetPr>
  <dimension ref="A1:P80"/>
  <sheetViews>
    <sheetView tabSelected="1" zoomScaleNormal="100" workbookViewId="0"/>
  </sheetViews>
  <sheetFormatPr defaultRowHeight="13.5"/>
  <cols>
    <col min="1" max="1" width="3.5" bestFit="1" customWidth="1"/>
    <col min="2" max="2" width="10" customWidth="1"/>
    <col min="3" max="3" width="23.625" customWidth="1"/>
    <col min="6" max="6" width="9" customWidth="1"/>
    <col min="7" max="7" width="13.875" customWidth="1"/>
    <col min="10" max="10" width="8.25" customWidth="1"/>
  </cols>
  <sheetData>
    <row r="1" spans="1:16" ht="14.25">
      <c r="B1" s="46" t="s">
        <v>224</v>
      </c>
      <c r="C1" s="43"/>
      <c r="D1" s="44" t="s">
        <v>222</v>
      </c>
      <c r="E1" s="43"/>
      <c r="F1" s="43"/>
      <c r="G1" s="43"/>
      <c r="H1" s="43"/>
      <c r="I1" s="43"/>
      <c r="J1" s="43"/>
    </row>
    <row r="2" spans="1:16" ht="14.25">
      <c r="B2" s="46"/>
      <c r="C2" s="43"/>
      <c r="D2" s="44" t="s">
        <v>225</v>
      </c>
      <c r="E2" s="43"/>
      <c r="F2" s="43"/>
      <c r="G2" s="43"/>
      <c r="H2" s="43"/>
      <c r="I2" s="43"/>
      <c r="J2" s="43"/>
    </row>
    <row r="3" spans="1:16" ht="14.25">
      <c r="B3" s="46"/>
      <c r="C3" s="43"/>
      <c r="D3" s="44"/>
      <c r="E3" s="43"/>
      <c r="F3" s="43"/>
      <c r="G3" s="43"/>
      <c r="H3" s="43"/>
      <c r="I3" s="43"/>
      <c r="J3" s="43"/>
    </row>
    <row r="4" spans="1:16">
      <c r="B4" s="45"/>
      <c r="C4" s="44"/>
      <c r="D4" s="44"/>
      <c r="E4" s="44"/>
      <c r="F4" s="44"/>
      <c r="G4" s="44"/>
      <c r="H4" s="44"/>
      <c r="I4" s="44"/>
      <c r="J4" s="44"/>
    </row>
    <row r="7" spans="1:16" ht="27.75" customHeight="1">
      <c r="A7" s="41" t="s">
        <v>206</v>
      </c>
      <c r="B7" s="1" t="s">
        <v>238</v>
      </c>
      <c r="C7" s="74"/>
      <c r="D7" s="75"/>
      <c r="E7" s="75"/>
      <c r="F7" s="75"/>
      <c r="G7" s="75"/>
      <c r="H7" s="75"/>
      <c r="I7" s="75"/>
      <c r="J7" s="76"/>
    </row>
    <row r="8" spans="1:16" ht="14.25">
      <c r="A8" s="41"/>
      <c r="B8" s="1"/>
    </row>
    <row r="9" spans="1:16" ht="27" customHeight="1">
      <c r="A9" s="41" t="s">
        <v>207</v>
      </c>
      <c r="B9" s="1" t="s">
        <v>1</v>
      </c>
      <c r="C9" s="71"/>
      <c r="D9" s="72"/>
      <c r="E9" s="72"/>
      <c r="F9" s="72"/>
      <c r="G9" s="72"/>
      <c r="H9" s="72"/>
      <c r="I9" s="72"/>
      <c r="J9" s="73"/>
      <c r="K9" s="3"/>
      <c r="L9" s="3"/>
      <c r="M9" s="3"/>
      <c r="N9" s="3"/>
      <c r="O9" s="3"/>
      <c r="P9" s="4"/>
    </row>
    <row r="10" spans="1:16" ht="14.25">
      <c r="A10" s="41"/>
      <c r="B10" s="1" t="s">
        <v>98</v>
      </c>
      <c r="C10" s="19"/>
      <c r="D10" s="15"/>
      <c r="F10" s="4"/>
      <c r="G10" s="4"/>
      <c r="H10" s="4"/>
      <c r="I10" s="4"/>
      <c r="J10" s="4"/>
      <c r="K10" s="4"/>
      <c r="L10" s="4"/>
      <c r="M10" s="4"/>
      <c r="N10" s="4"/>
      <c r="O10" s="4"/>
      <c r="P10" s="4"/>
    </row>
    <row r="11" spans="1:16" ht="14.25">
      <c r="A11" s="41"/>
      <c r="B11" s="1"/>
      <c r="C11" s="37"/>
      <c r="D11" s="4"/>
      <c r="F11" s="4"/>
      <c r="G11" s="4"/>
      <c r="H11" s="4"/>
      <c r="I11" s="4"/>
      <c r="J11" s="4"/>
      <c r="K11" s="4"/>
      <c r="L11" s="4"/>
      <c r="M11" s="4"/>
      <c r="N11" s="4"/>
      <c r="O11" s="4"/>
      <c r="P11" s="4"/>
    </row>
    <row r="12" spans="1:16" ht="14.25">
      <c r="A12" s="41"/>
      <c r="B12" s="1"/>
      <c r="C12" s="37"/>
      <c r="D12" s="4"/>
      <c r="F12" s="4"/>
      <c r="G12" s="4"/>
      <c r="H12" s="4"/>
      <c r="I12" s="4"/>
      <c r="J12" s="4"/>
      <c r="K12" s="4"/>
      <c r="L12" s="4"/>
      <c r="M12" s="4"/>
      <c r="N12" s="4"/>
      <c r="O12" s="4"/>
      <c r="P12" s="4"/>
    </row>
    <row r="13" spans="1:16" ht="13.5" customHeight="1">
      <c r="A13" s="41" t="s">
        <v>208</v>
      </c>
      <c r="B13" s="77" t="s">
        <v>201</v>
      </c>
      <c r="C13" s="78"/>
      <c r="D13" s="89" t="s">
        <v>40</v>
      </c>
      <c r="E13" s="90"/>
      <c r="F13" s="91" t="s">
        <v>41</v>
      </c>
      <c r="G13" s="90"/>
      <c r="H13" s="18"/>
      <c r="I13" s="79" t="s">
        <v>237</v>
      </c>
      <c r="J13" s="67"/>
      <c r="K13" s="67"/>
      <c r="M13" s="35"/>
      <c r="N13" s="35"/>
      <c r="O13" s="35"/>
    </row>
    <row r="14" spans="1:16" ht="14.25">
      <c r="A14" s="41"/>
      <c r="B14" s="101" t="s">
        <v>239</v>
      </c>
      <c r="C14" s="102"/>
      <c r="D14" s="4"/>
      <c r="F14" s="4"/>
      <c r="G14" s="4"/>
      <c r="H14" s="4"/>
      <c r="I14" s="67"/>
      <c r="J14" s="67"/>
      <c r="K14" s="67"/>
      <c r="L14" s="4"/>
      <c r="M14" s="4"/>
      <c r="N14" s="4"/>
      <c r="O14" s="4"/>
      <c r="P14" s="4"/>
    </row>
    <row r="15" spans="1:16" ht="14.25">
      <c r="A15" s="41"/>
      <c r="B15" s="102"/>
      <c r="C15" s="102"/>
      <c r="D15" s="4"/>
      <c r="F15" s="4"/>
      <c r="G15" s="4"/>
      <c r="H15" s="4"/>
      <c r="I15" s="67"/>
      <c r="J15" s="67"/>
      <c r="K15" s="67"/>
      <c r="L15" s="4"/>
      <c r="M15" s="4"/>
      <c r="N15" s="4"/>
      <c r="O15" s="4"/>
      <c r="P15" s="4"/>
    </row>
    <row r="16" spans="1:16" ht="14.25">
      <c r="A16" s="41"/>
      <c r="B16" s="1"/>
      <c r="C16" s="37"/>
      <c r="D16" s="4"/>
      <c r="F16" s="4"/>
      <c r="G16" s="4"/>
      <c r="H16" s="4"/>
      <c r="I16" s="67"/>
      <c r="J16" s="67"/>
      <c r="K16" s="67"/>
      <c r="L16" s="4"/>
      <c r="M16" s="4"/>
      <c r="N16" s="4"/>
      <c r="O16" s="4"/>
      <c r="P16" s="4"/>
    </row>
    <row r="17" spans="1:16" ht="31.5" customHeight="1">
      <c r="A17" s="51"/>
      <c r="B17" s="105"/>
      <c r="C17" s="105"/>
      <c r="D17" s="4"/>
      <c r="E17" s="4"/>
      <c r="F17" s="4"/>
      <c r="G17" s="4"/>
      <c r="H17" s="4"/>
      <c r="I17" s="67"/>
      <c r="J17" s="67"/>
      <c r="K17" s="67"/>
      <c r="L17" s="4"/>
      <c r="M17" s="4"/>
      <c r="N17" s="4"/>
      <c r="O17" s="4"/>
      <c r="P17" s="4"/>
    </row>
    <row r="18" spans="1:16" ht="14.25">
      <c r="A18" s="51"/>
      <c r="B18" s="103"/>
      <c r="C18" s="104"/>
      <c r="D18" s="92"/>
      <c r="E18" s="93"/>
      <c r="F18" s="92"/>
      <c r="G18" s="93"/>
      <c r="H18" s="4"/>
      <c r="I18" s="67"/>
      <c r="J18" s="67"/>
      <c r="K18" s="67"/>
      <c r="L18" s="4"/>
      <c r="M18" s="4"/>
      <c r="N18" s="4"/>
      <c r="O18" s="4"/>
      <c r="P18" s="4"/>
    </row>
    <row r="19" spans="1:16" ht="14.25">
      <c r="A19" s="51"/>
      <c r="B19" s="104"/>
      <c r="C19" s="104"/>
      <c r="D19" s="4"/>
      <c r="E19" s="4"/>
      <c r="F19" s="4"/>
      <c r="G19" s="4"/>
      <c r="H19" s="4"/>
      <c r="I19" s="67"/>
      <c r="J19" s="67"/>
      <c r="K19" s="67"/>
      <c r="L19" s="4"/>
      <c r="M19" s="4"/>
      <c r="N19" s="4"/>
      <c r="O19" s="4"/>
      <c r="P19" s="4"/>
    </row>
    <row r="20" spans="1:16" ht="14.25">
      <c r="A20" s="41"/>
      <c r="B20" s="1"/>
      <c r="C20" s="37"/>
      <c r="D20" s="4"/>
      <c r="F20" s="4"/>
      <c r="G20" s="4"/>
      <c r="H20" s="4"/>
      <c r="I20" s="67"/>
      <c r="J20" s="67"/>
      <c r="K20" s="67"/>
      <c r="L20" s="4"/>
      <c r="M20" s="4"/>
      <c r="N20" s="4"/>
      <c r="O20" s="4"/>
      <c r="P20" s="4"/>
    </row>
    <row r="21" spans="1:16" ht="44.25" customHeight="1">
      <c r="A21" s="41" t="s">
        <v>209</v>
      </c>
      <c r="B21" s="65" t="s">
        <v>234</v>
      </c>
      <c r="C21" s="106"/>
      <c r="D21" s="89" t="s">
        <v>40</v>
      </c>
      <c r="E21" s="90"/>
      <c r="F21" s="91"/>
      <c r="G21" s="90"/>
      <c r="H21" s="18"/>
      <c r="I21" s="67"/>
      <c r="J21" s="67"/>
      <c r="K21" s="67"/>
      <c r="M21" s="42"/>
      <c r="N21" s="35"/>
      <c r="O21" s="35"/>
    </row>
    <row r="22" spans="1:16" ht="14.25" customHeight="1">
      <c r="A22" s="41"/>
      <c r="B22" s="101" t="s">
        <v>239</v>
      </c>
      <c r="C22" s="102"/>
      <c r="D22" s="4"/>
      <c r="F22" s="4"/>
      <c r="G22" s="4"/>
      <c r="H22" s="4"/>
      <c r="I22" s="4"/>
      <c r="J22" s="4"/>
      <c r="K22" s="4"/>
      <c r="L22" s="4"/>
      <c r="M22" s="4"/>
      <c r="N22" s="4"/>
      <c r="O22" s="4"/>
      <c r="P22" s="4"/>
    </row>
    <row r="23" spans="1:16" ht="14.25">
      <c r="A23" s="41"/>
      <c r="B23" s="102"/>
      <c r="C23" s="102"/>
      <c r="D23" s="4"/>
      <c r="F23" s="4"/>
      <c r="G23" s="4"/>
      <c r="H23" s="4"/>
      <c r="I23" s="4"/>
      <c r="J23" s="4"/>
      <c r="K23" s="4"/>
      <c r="L23" s="4"/>
      <c r="M23" s="4"/>
      <c r="N23" s="4"/>
      <c r="O23" s="4"/>
      <c r="P23" s="4"/>
    </row>
    <row r="24" spans="1:16" ht="14.25">
      <c r="A24" s="41"/>
      <c r="B24" s="38"/>
      <c r="C24" s="38"/>
      <c r="D24" s="4"/>
      <c r="F24" s="4"/>
      <c r="G24" s="4"/>
      <c r="H24" s="4"/>
      <c r="I24" s="4"/>
      <c r="J24" s="4"/>
      <c r="K24" s="4"/>
      <c r="L24" s="4"/>
      <c r="M24" s="4"/>
      <c r="N24" s="4"/>
      <c r="O24" s="4"/>
      <c r="P24" s="4"/>
    </row>
    <row r="25" spans="1:16" ht="14.25">
      <c r="A25" s="41"/>
      <c r="B25" s="1"/>
      <c r="C25" s="2"/>
      <c r="D25" s="4"/>
      <c r="E25" s="4"/>
      <c r="F25" s="4"/>
      <c r="G25" s="4"/>
      <c r="H25" s="4"/>
      <c r="I25" s="4"/>
      <c r="J25" s="4"/>
      <c r="K25" s="4"/>
      <c r="L25" s="4"/>
      <c r="M25" s="4"/>
      <c r="N25" s="4"/>
      <c r="O25" s="4"/>
      <c r="P25" s="4"/>
    </row>
    <row r="26" spans="1:16" ht="13.5" customHeight="1">
      <c r="A26" s="41" t="s">
        <v>210</v>
      </c>
      <c r="B26" s="1" t="s">
        <v>202</v>
      </c>
      <c r="C26" s="27"/>
      <c r="D26" s="80"/>
      <c r="E26" s="81"/>
      <c r="F26" s="82"/>
      <c r="G26" s="27"/>
      <c r="H26" s="28"/>
      <c r="I26" s="29"/>
      <c r="J26" s="29"/>
      <c r="K26" s="29"/>
      <c r="L26" s="5"/>
      <c r="M26" s="5"/>
      <c r="N26" s="5"/>
      <c r="O26" s="5"/>
      <c r="P26" s="4"/>
    </row>
    <row r="27" spans="1:16" ht="14.25">
      <c r="A27" s="41"/>
      <c r="B27" s="1"/>
      <c r="C27" s="27"/>
      <c r="D27" s="83"/>
      <c r="E27" s="84"/>
      <c r="F27" s="85"/>
      <c r="G27" s="30"/>
      <c r="H27" s="29"/>
      <c r="I27" s="29"/>
      <c r="J27" s="29"/>
      <c r="K27" s="29"/>
      <c r="L27" s="5"/>
      <c r="M27" s="5"/>
      <c r="N27" s="5"/>
      <c r="O27" s="5"/>
      <c r="P27" s="4"/>
    </row>
    <row r="28" spans="1:16" ht="14.25">
      <c r="A28" s="41"/>
      <c r="B28" s="1"/>
      <c r="C28" s="27"/>
      <c r="D28" s="83"/>
      <c r="E28" s="84"/>
      <c r="F28" s="85"/>
      <c r="G28" s="30"/>
      <c r="H28" s="29"/>
      <c r="I28" s="29"/>
      <c r="J28" s="29"/>
      <c r="K28" s="29"/>
      <c r="L28" s="5"/>
      <c r="M28" s="5"/>
      <c r="N28" s="5"/>
      <c r="O28" s="5"/>
      <c r="P28" s="4"/>
    </row>
    <row r="29" spans="1:16" ht="14.25">
      <c r="A29" s="41"/>
      <c r="B29" s="1"/>
      <c r="C29" s="27"/>
      <c r="D29" s="83"/>
      <c r="E29" s="84"/>
      <c r="F29" s="85"/>
      <c r="G29" s="30"/>
      <c r="H29" s="29"/>
      <c r="I29" s="29"/>
      <c r="J29" s="29"/>
      <c r="K29" s="29"/>
      <c r="L29" s="5"/>
      <c r="M29" s="5"/>
      <c r="N29" s="5"/>
      <c r="O29" s="5"/>
      <c r="P29" s="4"/>
    </row>
    <row r="30" spans="1:16" ht="14.25">
      <c r="A30" s="41"/>
      <c r="B30" s="1"/>
      <c r="C30" s="2" t="s">
        <v>2</v>
      </c>
      <c r="D30" s="83"/>
      <c r="E30" s="84"/>
      <c r="F30" s="85"/>
      <c r="G30" s="2"/>
      <c r="H30" s="29"/>
      <c r="I30" s="29"/>
      <c r="J30" s="29"/>
      <c r="K30" s="29"/>
      <c r="L30" s="5"/>
      <c r="M30" s="5"/>
      <c r="N30" s="5"/>
      <c r="O30" s="5"/>
      <c r="P30" s="4"/>
    </row>
    <row r="31" spans="1:16" ht="14.25">
      <c r="A31" s="41"/>
      <c r="B31" s="1"/>
      <c r="C31" s="2"/>
      <c r="D31" s="83"/>
      <c r="E31" s="84"/>
      <c r="F31" s="85"/>
      <c r="G31" s="2"/>
      <c r="H31" s="29"/>
      <c r="I31" s="29"/>
      <c r="J31" s="29"/>
      <c r="K31" s="29"/>
      <c r="L31" s="5"/>
      <c r="M31" s="5"/>
      <c r="N31" s="5"/>
      <c r="O31" s="5"/>
      <c r="P31" s="4"/>
    </row>
    <row r="32" spans="1:16" ht="14.25">
      <c r="A32" s="41"/>
      <c r="B32" s="1"/>
      <c r="C32" s="2"/>
      <c r="D32" s="83"/>
      <c r="E32" s="84"/>
      <c r="F32" s="85"/>
      <c r="G32" s="2"/>
      <c r="H32" s="29"/>
      <c r="I32" s="29"/>
      <c r="J32" s="29"/>
      <c r="K32" s="29"/>
      <c r="L32" s="5"/>
      <c r="M32" s="5"/>
      <c r="N32" s="5"/>
      <c r="O32" s="5"/>
      <c r="P32" s="4"/>
    </row>
    <row r="33" spans="1:16" ht="14.25">
      <c r="A33" s="41"/>
      <c r="B33" s="1"/>
      <c r="C33" s="2"/>
      <c r="D33" s="83"/>
      <c r="E33" s="84"/>
      <c r="F33" s="85"/>
      <c r="G33" s="2"/>
      <c r="H33" s="29"/>
      <c r="I33" s="29"/>
      <c r="J33" s="29"/>
      <c r="K33" s="29"/>
      <c r="L33" s="5"/>
      <c r="M33" s="5"/>
      <c r="N33" s="5"/>
      <c r="O33" s="5"/>
      <c r="P33" s="4"/>
    </row>
    <row r="34" spans="1:16" ht="14.25">
      <c r="A34" s="41"/>
      <c r="B34" s="1"/>
      <c r="C34" s="2"/>
      <c r="D34" s="83"/>
      <c r="E34" s="84"/>
      <c r="F34" s="85"/>
      <c r="G34" s="2"/>
      <c r="H34" s="29"/>
      <c r="I34" s="29"/>
      <c r="J34" s="29"/>
      <c r="K34" s="29"/>
      <c r="L34" s="5"/>
      <c r="M34" s="5"/>
      <c r="N34" s="5"/>
      <c r="O34" s="5"/>
      <c r="P34" s="4"/>
    </row>
    <row r="35" spans="1:16" ht="14.25">
      <c r="A35" s="41"/>
      <c r="B35" s="1"/>
      <c r="C35" s="2"/>
      <c r="D35" s="83"/>
      <c r="E35" s="84"/>
      <c r="F35" s="85"/>
      <c r="G35" s="2"/>
      <c r="H35" s="29"/>
      <c r="I35" s="29"/>
      <c r="J35" s="29"/>
      <c r="K35" s="29"/>
      <c r="L35" s="5"/>
      <c r="M35" s="5"/>
      <c r="N35" s="5"/>
      <c r="O35" s="5"/>
      <c r="P35" s="4"/>
    </row>
    <row r="36" spans="1:16" ht="14.25">
      <c r="A36" s="41"/>
      <c r="B36" s="1"/>
      <c r="C36" s="2"/>
      <c r="D36" s="83"/>
      <c r="E36" s="84"/>
      <c r="F36" s="85"/>
      <c r="G36" s="2"/>
      <c r="H36" s="29"/>
      <c r="I36" s="29"/>
      <c r="J36" s="29"/>
      <c r="K36" s="29"/>
      <c r="L36" s="5"/>
      <c r="M36" s="5"/>
      <c r="N36" s="5"/>
      <c r="O36" s="5"/>
      <c r="P36" s="4"/>
    </row>
    <row r="37" spans="1:16" ht="14.25">
      <c r="A37" s="41"/>
      <c r="B37" s="1"/>
      <c r="C37" s="2" t="s">
        <v>194</v>
      </c>
      <c r="D37" s="86"/>
      <c r="E37" s="87"/>
      <c r="F37" s="88"/>
      <c r="G37" s="2"/>
      <c r="H37" s="31"/>
      <c r="I37" s="31"/>
      <c r="J37" s="31"/>
      <c r="K37" s="31"/>
      <c r="L37" s="5"/>
      <c r="M37" s="5"/>
      <c r="N37" s="5"/>
      <c r="O37" s="5"/>
      <c r="P37" s="4"/>
    </row>
    <row r="38" spans="1:16" ht="15" thickBot="1">
      <c r="A38" s="41"/>
      <c r="B38" s="1"/>
      <c r="C38" s="2"/>
      <c r="D38" s="32"/>
      <c r="E38" s="32"/>
      <c r="F38" s="32"/>
      <c r="G38" s="2"/>
      <c r="H38" s="32"/>
      <c r="I38" s="32"/>
      <c r="J38" s="32"/>
      <c r="K38" s="5"/>
      <c r="L38" s="5"/>
      <c r="M38" s="5"/>
      <c r="N38" s="5"/>
      <c r="O38" s="5"/>
      <c r="P38" s="4"/>
    </row>
    <row r="39" spans="1:16" ht="14.25">
      <c r="A39" s="41" t="s">
        <v>211</v>
      </c>
      <c r="B39" s="39" t="s">
        <v>0</v>
      </c>
      <c r="C39" s="2"/>
      <c r="D39" s="95"/>
      <c r="E39" s="96"/>
      <c r="F39" s="97"/>
      <c r="G39" s="2"/>
      <c r="H39" s="32"/>
      <c r="I39" s="32"/>
      <c r="J39" s="32"/>
      <c r="K39" s="5"/>
      <c r="L39" s="5"/>
      <c r="M39" s="5"/>
      <c r="N39" s="5"/>
      <c r="O39" s="5"/>
      <c r="P39" s="4"/>
    </row>
    <row r="40" spans="1:16" ht="14.25">
      <c r="A40" s="41"/>
      <c r="B40" s="40"/>
      <c r="C40" s="2"/>
      <c r="D40" s="107"/>
      <c r="E40" s="84"/>
      <c r="F40" s="108"/>
      <c r="G40" s="2"/>
      <c r="H40" s="32"/>
      <c r="I40" s="32"/>
      <c r="J40" s="32"/>
      <c r="K40" s="5"/>
      <c r="L40" s="5"/>
      <c r="M40" s="5"/>
      <c r="N40" s="5"/>
      <c r="O40" s="5"/>
      <c r="P40" s="4"/>
    </row>
    <row r="41" spans="1:16" ht="15" thickBot="1">
      <c r="A41" s="41"/>
      <c r="B41" s="40"/>
      <c r="C41" s="2"/>
      <c r="D41" s="98"/>
      <c r="E41" s="99"/>
      <c r="F41" s="100"/>
      <c r="G41" s="5"/>
      <c r="H41" s="32"/>
      <c r="I41" s="32"/>
      <c r="J41" s="32"/>
      <c r="K41" s="5"/>
      <c r="L41" s="5"/>
      <c r="M41" s="5"/>
      <c r="N41" s="5"/>
      <c r="O41" s="5"/>
      <c r="P41" s="4"/>
    </row>
    <row r="42" spans="1:16" ht="15" thickBot="1">
      <c r="A42" s="41"/>
      <c r="B42" s="40"/>
      <c r="C42" s="2"/>
      <c r="D42" s="32"/>
      <c r="E42" s="32"/>
      <c r="F42" s="32"/>
      <c r="G42" s="5"/>
      <c r="H42" s="32"/>
      <c r="I42" s="32"/>
      <c r="J42" s="32"/>
      <c r="K42" s="5"/>
      <c r="L42" s="5"/>
      <c r="M42" s="5"/>
      <c r="N42" s="5"/>
      <c r="O42" s="5"/>
      <c r="P42" s="4"/>
    </row>
    <row r="43" spans="1:16" ht="14.25">
      <c r="A43" s="41" t="s">
        <v>212</v>
      </c>
      <c r="B43" s="39" t="s">
        <v>195</v>
      </c>
      <c r="C43" s="2"/>
      <c r="D43" s="95"/>
      <c r="E43" s="96"/>
      <c r="F43" s="97"/>
      <c r="G43" s="5"/>
      <c r="H43" s="5"/>
      <c r="I43" s="5"/>
      <c r="J43" s="5"/>
      <c r="K43" s="5"/>
      <c r="L43" s="5"/>
      <c r="M43" s="5"/>
      <c r="N43" s="5"/>
      <c r="O43" s="5"/>
      <c r="P43" s="4"/>
    </row>
    <row r="44" spans="1:16" ht="15" thickBot="1">
      <c r="A44" s="41"/>
      <c r="B44" s="40"/>
      <c r="C44" s="2"/>
      <c r="D44" s="98"/>
      <c r="E44" s="99"/>
      <c r="F44" s="100"/>
      <c r="G44" s="5"/>
      <c r="H44" s="5"/>
      <c r="I44" s="5"/>
      <c r="J44" s="5"/>
      <c r="K44" s="5"/>
      <c r="L44" s="5"/>
      <c r="M44" s="5"/>
      <c r="N44" s="5"/>
      <c r="O44" s="5"/>
      <c r="P44" s="4"/>
    </row>
    <row r="45" spans="1:16" ht="15" thickBot="1">
      <c r="A45" s="41"/>
      <c r="B45" s="40"/>
      <c r="C45" s="2"/>
      <c r="D45" s="32"/>
      <c r="E45" s="32"/>
      <c r="F45" s="32"/>
      <c r="G45" s="5"/>
      <c r="H45" s="5"/>
      <c r="I45" s="5"/>
      <c r="J45" s="5"/>
      <c r="K45" s="5"/>
      <c r="L45" s="5"/>
      <c r="M45" s="5"/>
      <c r="N45" s="5"/>
      <c r="O45" s="5"/>
      <c r="P45" s="4"/>
    </row>
    <row r="46" spans="1:16" ht="14.25">
      <c r="A46" s="41" t="s">
        <v>213</v>
      </c>
      <c r="B46" s="109" t="s">
        <v>242</v>
      </c>
      <c r="C46" s="110"/>
      <c r="D46" s="95"/>
      <c r="E46" s="96"/>
      <c r="F46" s="97"/>
      <c r="G46" s="5"/>
      <c r="H46" s="5"/>
      <c r="I46" s="5"/>
      <c r="J46" s="5"/>
      <c r="K46" s="5"/>
      <c r="L46" s="5"/>
      <c r="M46" s="5"/>
      <c r="N46" s="5"/>
      <c r="O46" s="5"/>
      <c r="P46" s="4"/>
    </row>
    <row r="47" spans="1:16" ht="15" thickBot="1">
      <c r="A47" s="41"/>
      <c r="B47" s="40"/>
      <c r="D47" s="98"/>
      <c r="E47" s="99"/>
      <c r="F47" s="100"/>
      <c r="G47" s="5"/>
      <c r="H47" s="5"/>
      <c r="I47" s="5"/>
      <c r="J47" s="5"/>
      <c r="K47" s="5"/>
      <c r="L47" s="5"/>
      <c r="M47" s="5"/>
      <c r="N47" s="5"/>
      <c r="O47" s="5"/>
      <c r="P47" s="4"/>
    </row>
    <row r="48" spans="1:16" ht="15" thickBot="1">
      <c r="A48" s="41"/>
      <c r="B48" s="40"/>
      <c r="D48" s="56"/>
      <c r="E48" s="56"/>
      <c r="F48" s="56"/>
      <c r="G48" s="5"/>
      <c r="H48" s="5"/>
      <c r="I48" s="5"/>
      <c r="J48" s="5"/>
      <c r="K48" s="5"/>
      <c r="L48" s="5"/>
      <c r="M48" s="5"/>
      <c r="N48" s="5"/>
      <c r="O48" s="5"/>
      <c r="P48" s="4"/>
    </row>
    <row r="49" spans="1:16" ht="14.25">
      <c r="A49" s="41" t="s">
        <v>240</v>
      </c>
      <c r="B49" s="40" t="s">
        <v>241</v>
      </c>
      <c r="D49" s="95"/>
      <c r="E49" s="96"/>
      <c r="F49" s="97"/>
      <c r="G49" s="5"/>
      <c r="H49" s="5"/>
      <c r="I49" s="5"/>
      <c r="J49" s="5"/>
      <c r="K49" s="5"/>
      <c r="L49" s="5"/>
      <c r="M49" s="5"/>
      <c r="N49" s="5"/>
      <c r="O49" s="5"/>
      <c r="P49" s="4"/>
    </row>
    <row r="50" spans="1:16" ht="15" thickBot="1">
      <c r="A50" s="41"/>
      <c r="B50" s="40"/>
      <c r="D50" s="98"/>
      <c r="E50" s="99"/>
      <c r="F50" s="100"/>
      <c r="G50" s="5"/>
      <c r="H50" s="5"/>
      <c r="I50" s="5"/>
      <c r="J50" s="5"/>
      <c r="K50" s="5"/>
      <c r="L50" s="5"/>
      <c r="M50" s="5"/>
      <c r="N50" s="5"/>
      <c r="O50" s="5"/>
      <c r="P50" s="4"/>
    </row>
    <row r="51" spans="1:16" ht="15" thickBot="1">
      <c r="A51" s="41"/>
      <c r="B51" s="40"/>
      <c r="D51" s="32"/>
      <c r="E51" s="32"/>
      <c r="F51" s="32"/>
      <c r="G51" s="5"/>
      <c r="H51" s="5"/>
      <c r="I51" s="5"/>
      <c r="J51" s="5"/>
      <c r="K51" s="5"/>
      <c r="L51" s="5"/>
      <c r="M51" s="5"/>
      <c r="N51" s="5"/>
      <c r="O51" s="5"/>
      <c r="P51" s="4"/>
    </row>
    <row r="52" spans="1:16" ht="14.25">
      <c r="A52" s="41" t="s">
        <v>214</v>
      </c>
      <c r="B52" s="39" t="s">
        <v>196</v>
      </c>
      <c r="D52" s="95"/>
      <c r="E52" s="96"/>
      <c r="F52" s="97"/>
      <c r="G52" s="5"/>
      <c r="H52" s="5"/>
      <c r="I52" s="5"/>
      <c r="J52" s="5"/>
      <c r="K52" s="5"/>
      <c r="L52" s="5"/>
      <c r="M52" s="5"/>
      <c r="N52" s="5"/>
      <c r="O52" s="5"/>
      <c r="P52" s="4"/>
    </row>
    <row r="53" spans="1:16" ht="15" thickBot="1">
      <c r="A53" s="41"/>
      <c r="B53" s="40"/>
      <c r="D53" s="98"/>
      <c r="E53" s="99"/>
      <c r="F53" s="100"/>
      <c r="G53" s="5"/>
      <c r="H53" s="5"/>
      <c r="I53" s="5"/>
      <c r="J53" s="5"/>
      <c r="K53" s="5"/>
      <c r="L53" s="5"/>
      <c r="M53" s="5"/>
      <c r="N53" s="5"/>
      <c r="O53" s="5"/>
      <c r="P53" s="4"/>
    </row>
    <row r="54" spans="1:16" ht="15" thickBot="1">
      <c r="A54" s="41"/>
      <c r="B54" s="40"/>
      <c r="D54" s="33"/>
      <c r="E54" s="33"/>
      <c r="F54" s="33"/>
      <c r="G54" s="5"/>
      <c r="H54" s="5"/>
      <c r="I54" s="5"/>
      <c r="J54" s="5"/>
      <c r="K54" s="5"/>
      <c r="L54" s="5"/>
      <c r="M54" s="5"/>
      <c r="N54" s="5"/>
      <c r="O54" s="5"/>
      <c r="P54" s="4"/>
    </row>
    <row r="55" spans="1:16" ht="14.25">
      <c r="A55" s="41" t="s">
        <v>235</v>
      </c>
      <c r="B55" s="94" t="s">
        <v>199</v>
      </c>
      <c r="D55" s="95"/>
      <c r="E55" s="96"/>
      <c r="F55" s="97"/>
      <c r="G55" s="5"/>
      <c r="H55" s="5"/>
      <c r="I55" s="5"/>
      <c r="J55" s="5"/>
      <c r="K55" s="5"/>
      <c r="L55" s="5"/>
      <c r="M55" s="5"/>
      <c r="N55" s="5"/>
      <c r="O55" s="5"/>
      <c r="P55" s="4"/>
    </row>
    <row r="56" spans="1:16" ht="15" thickBot="1">
      <c r="A56" s="41"/>
      <c r="B56" s="94"/>
      <c r="D56" s="98"/>
      <c r="E56" s="99"/>
      <c r="F56" s="100"/>
      <c r="G56" s="5"/>
      <c r="H56" s="5"/>
      <c r="I56" s="5"/>
      <c r="J56" s="5"/>
      <c r="K56" s="5"/>
      <c r="L56" s="5"/>
      <c r="M56" s="5"/>
      <c r="N56" s="5"/>
      <c r="O56" s="5"/>
      <c r="P56" s="4"/>
    </row>
    <row r="57" spans="1:16" ht="15" thickBot="1">
      <c r="A57" s="41"/>
      <c r="B57" s="40"/>
      <c r="D57" s="26"/>
      <c r="E57" s="26"/>
      <c r="F57" s="26"/>
      <c r="G57" s="5"/>
      <c r="H57" s="5"/>
      <c r="I57" s="5"/>
      <c r="J57" s="5"/>
      <c r="K57" s="5"/>
      <c r="L57" s="5"/>
      <c r="M57" s="5"/>
      <c r="N57" s="5"/>
      <c r="O57" s="5"/>
      <c r="P57" s="4"/>
    </row>
    <row r="58" spans="1:16" ht="14.25">
      <c r="A58" s="41" t="s">
        <v>215</v>
      </c>
      <c r="B58" s="39" t="s">
        <v>197</v>
      </c>
      <c r="D58" s="95"/>
      <c r="E58" s="96"/>
      <c r="F58" s="97"/>
      <c r="G58" s="5"/>
      <c r="H58" s="5"/>
      <c r="I58" s="5"/>
      <c r="J58" s="5"/>
      <c r="K58" s="5"/>
      <c r="L58" s="5"/>
      <c r="M58" s="5"/>
      <c r="N58" s="5"/>
      <c r="O58" s="5"/>
      <c r="P58" s="4"/>
    </row>
    <row r="59" spans="1:16" ht="15" thickBot="1">
      <c r="A59" s="41"/>
      <c r="B59" s="40"/>
      <c r="D59" s="98"/>
      <c r="E59" s="99"/>
      <c r="F59" s="100"/>
      <c r="G59" s="5"/>
      <c r="H59" s="5"/>
      <c r="I59" s="5"/>
      <c r="J59" s="5"/>
      <c r="K59" s="5"/>
      <c r="L59" s="5"/>
      <c r="M59" s="5"/>
      <c r="N59" s="5"/>
      <c r="O59" s="5"/>
      <c r="P59" s="4"/>
    </row>
    <row r="60" spans="1:16" ht="14.25">
      <c r="A60" s="41"/>
      <c r="B60" s="40"/>
    </row>
    <row r="61" spans="1:16" ht="14.25">
      <c r="A61" s="41" t="s">
        <v>236</v>
      </c>
      <c r="B61" s="1" t="s">
        <v>198</v>
      </c>
      <c r="C61" s="16"/>
      <c r="D61" s="68" t="s">
        <v>3</v>
      </c>
      <c r="E61" s="69"/>
      <c r="F61" s="70" t="s">
        <v>4</v>
      </c>
      <c r="G61" s="69"/>
      <c r="H61" s="4"/>
      <c r="I61" s="66" t="s">
        <v>200</v>
      </c>
      <c r="J61" s="67"/>
      <c r="K61" s="67"/>
    </row>
    <row r="62" spans="1:16" ht="14.25">
      <c r="A62" s="41" t="s">
        <v>216</v>
      </c>
      <c r="B62" s="1" t="s">
        <v>5</v>
      </c>
      <c r="C62" s="17"/>
      <c r="D62" s="68" t="s">
        <v>3</v>
      </c>
      <c r="E62" s="69"/>
      <c r="F62" s="70" t="s">
        <v>4</v>
      </c>
      <c r="G62" s="69"/>
      <c r="H62" s="4"/>
      <c r="I62" s="67"/>
      <c r="J62" s="67"/>
      <c r="K62" s="67"/>
    </row>
    <row r="63" spans="1:16" ht="14.25">
      <c r="A63" s="41" t="s">
        <v>217</v>
      </c>
      <c r="B63" s="1" t="s">
        <v>6</v>
      </c>
      <c r="C63" s="17"/>
      <c r="D63" s="68" t="s">
        <v>3</v>
      </c>
      <c r="E63" s="69"/>
      <c r="F63" s="70" t="s">
        <v>4</v>
      </c>
      <c r="G63" s="69"/>
      <c r="H63" s="4"/>
      <c r="I63" s="67"/>
      <c r="J63" s="67"/>
      <c r="K63" s="67"/>
    </row>
    <row r="64" spans="1:16" ht="14.25">
      <c r="A64" s="41" t="s">
        <v>218</v>
      </c>
      <c r="B64" s="1" t="s">
        <v>7</v>
      </c>
      <c r="C64" s="17"/>
      <c r="D64" s="68" t="s">
        <v>3</v>
      </c>
      <c r="E64" s="69"/>
      <c r="F64" s="70" t="s">
        <v>4</v>
      </c>
      <c r="G64" s="69"/>
      <c r="H64" s="4"/>
      <c r="I64" s="67"/>
      <c r="J64" s="67"/>
      <c r="K64" s="67"/>
    </row>
    <row r="65" spans="1:15" ht="14.25">
      <c r="A65" s="41" t="s">
        <v>219</v>
      </c>
      <c r="B65" s="1" t="s">
        <v>8</v>
      </c>
      <c r="C65" s="17"/>
      <c r="D65" s="68" t="s">
        <v>3</v>
      </c>
      <c r="E65" s="69"/>
      <c r="F65" s="70" t="s">
        <v>4</v>
      </c>
      <c r="G65" s="69"/>
      <c r="H65" s="4"/>
      <c r="I65" s="67"/>
      <c r="J65" s="67"/>
      <c r="K65" s="67"/>
    </row>
    <row r="66" spans="1:15" ht="14.25">
      <c r="A66" s="41" t="s">
        <v>220</v>
      </c>
      <c r="B66" s="1" t="s">
        <v>9</v>
      </c>
      <c r="C66" s="17"/>
      <c r="D66" s="68" t="s">
        <v>3</v>
      </c>
      <c r="E66" s="69"/>
      <c r="F66" s="70" t="s">
        <v>4</v>
      </c>
      <c r="G66" s="69"/>
      <c r="H66" s="4"/>
      <c r="I66" s="67"/>
      <c r="J66" s="67"/>
      <c r="K66" s="67"/>
    </row>
    <row r="67" spans="1:15" ht="14.25">
      <c r="A67" s="41"/>
      <c r="B67" s="1"/>
      <c r="I67" s="4"/>
      <c r="J67" s="4"/>
    </row>
    <row r="68" spans="1:15" ht="14.25">
      <c r="A68" s="41"/>
      <c r="B68" s="1"/>
      <c r="D68" s="49" t="s">
        <v>232</v>
      </c>
      <c r="E68" s="49" t="s">
        <v>233</v>
      </c>
      <c r="I68" s="4"/>
      <c r="J68" s="4"/>
    </row>
    <row r="69" spans="1:15" ht="13.5" customHeight="1">
      <c r="A69" s="41" t="s">
        <v>221</v>
      </c>
      <c r="B69" s="1" t="s">
        <v>10</v>
      </c>
      <c r="C69" s="9" t="s">
        <v>95</v>
      </c>
      <c r="D69" s="10" t="s">
        <v>42</v>
      </c>
      <c r="E69" s="20" t="s">
        <v>42</v>
      </c>
      <c r="G69" s="1"/>
      <c r="I69" s="35"/>
      <c r="J69" s="35"/>
      <c r="K69" s="36"/>
      <c r="M69" s="36"/>
      <c r="N69" s="36"/>
      <c r="O69" s="36"/>
    </row>
    <row r="70" spans="1:15">
      <c r="B70" s="1"/>
      <c r="C70" s="13"/>
      <c r="D70" s="13"/>
      <c r="E70" s="13"/>
      <c r="F70" s="13"/>
      <c r="I70" s="35"/>
      <c r="J70" s="35"/>
      <c r="K70" s="35"/>
      <c r="M70" s="35"/>
      <c r="N70" s="35"/>
      <c r="O70" s="35"/>
    </row>
    <row r="71" spans="1:15">
      <c r="B71" s="1"/>
      <c r="C71" s="13"/>
      <c r="D71" s="13"/>
      <c r="E71" s="13"/>
      <c r="F71" s="13"/>
      <c r="H71" s="12"/>
      <c r="I71" s="34"/>
      <c r="J71" s="34"/>
      <c r="K71" s="35"/>
      <c r="M71" s="35"/>
      <c r="N71" s="35"/>
      <c r="O71" s="35"/>
    </row>
    <row r="72" spans="1:15">
      <c r="C72" s="14"/>
      <c r="H72" s="12"/>
      <c r="I72" s="12"/>
      <c r="J72" s="12"/>
    </row>
    <row r="73" spans="1:15" ht="13.5" customHeight="1">
      <c r="B73" s="1"/>
      <c r="C73" s="9" t="s">
        <v>96</v>
      </c>
      <c r="D73" s="10" t="s">
        <v>42</v>
      </c>
      <c r="E73" s="8" t="s">
        <v>42</v>
      </c>
      <c r="G73" s="1"/>
      <c r="H73" s="12"/>
      <c r="I73" s="12"/>
      <c r="J73" s="12"/>
      <c r="K73" s="1"/>
      <c r="M73" s="1"/>
      <c r="N73" s="1"/>
      <c r="O73" s="1"/>
    </row>
    <row r="74" spans="1:15">
      <c r="B74" s="1"/>
      <c r="C74" s="9" t="s">
        <v>97</v>
      </c>
      <c r="D74" s="10" t="s">
        <v>42</v>
      </c>
      <c r="E74" s="8" t="s">
        <v>42</v>
      </c>
      <c r="G74" s="1"/>
      <c r="H74" s="12"/>
      <c r="I74" s="12"/>
      <c r="J74" s="12"/>
      <c r="K74" s="1"/>
      <c r="L74" s="1"/>
      <c r="M74" s="1"/>
      <c r="N74" s="1"/>
      <c r="O74" s="1"/>
    </row>
    <row r="75" spans="1:15">
      <c r="B75" s="1"/>
      <c r="C75" s="11"/>
      <c r="D75" s="11"/>
      <c r="E75" s="11"/>
      <c r="F75" s="11"/>
      <c r="H75" s="12"/>
      <c r="I75" s="12"/>
      <c r="J75" s="12"/>
    </row>
    <row r="76" spans="1:15">
      <c r="B76" s="1"/>
      <c r="C76" s="4"/>
      <c r="D76" s="57"/>
      <c r="E76" s="57"/>
      <c r="F76" s="4"/>
      <c r="H76" s="12"/>
      <c r="I76" s="12"/>
      <c r="J76" s="12"/>
    </row>
    <row r="77" spans="1:15">
      <c r="A77" s="49" t="s">
        <v>253</v>
      </c>
      <c r="B77" s="58" t="s">
        <v>243</v>
      </c>
      <c r="C77" s="59"/>
      <c r="D77" s="60"/>
      <c r="E77" s="60"/>
      <c r="F77" s="60"/>
      <c r="G77" s="60"/>
      <c r="H77" s="60"/>
      <c r="I77" s="63"/>
      <c r="J77" s="64"/>
      <c r="K77" s="64"/>
    </row>
    <row r="78" spans="1:15">
      <c r="A78" s="49"/>
      <c r="B78" s="1"/>
      <c r="C78" s="7"/>
      <c r="H78" s="12"/>
      <c r="I78" s="12"/>
      <c r="J78" s="12"/>
    </row>
    <row r="79" spans="1:15">
      <c r="A79" s="49" t="s">
        <v>252</v>
      </c>
      <c r="B79" s="62" t="s">
        <v>256</v>
      </c>
      <c r="C79" s="58"/>
      <c r="D79" s="61"/>
      <c r="E79" s="61"/>
      <c r="F79" s="61"/>
      <c r="G79" s="61"/>
      <c r="H79" s="61"/>
      <c r="I79" s="61"/>
      <c r="J79" s="61"/>
      <c r="K79" s="61"/>
    </row>
    <row r="80" spans="1:15">
      <c r="B80" s="58"/>
      <c r="C80" s="58"/>
      <c r="H80" s="12"/>
      <c r="I80" s="12"/>
      <c r="J80" s="12"/>
    </row>
  </sheetData>
  <dataConsolidate/>
  <mergeCells count="43">
    <mergeCell ref="B55:B56"/>
    <mergeCell ref="F65:G65"/>
    <mergeCell ref="D55:F56"/>
    <mergeCell ref="D58:F59"/>
    <mergeCell ref="B14:C15"/>
    <mergeCell ref="B18:C19"/>
    <mergeCell ref="B22:C23"/>
    <mergeCell ref="B17:C17"/>
    <mergeCell ref="B21:C21"/>
    <mergeCell ref="D52:F53"/>
    <mergeCell ref="D39:F41"/>
    <mergeCell ref="D43:F44"/>
    <mergeCell ref="D46:F47"/>
    <mergeCell ref="D49:F50"/>
    <mergeCell ref="B46:C46"/>
    <mergeCell ref="C9:J9"/>
    <mergeCell ref="C7:J7"/>
    <mergeCell ref="B13:C13"/>
    <mergeCell ref="I13:K21"/>
    <mergeCell ref="D26:F37"/>
    <mergeCell ref="D13:E13"/>
    <mergeCell ref="F13:G13"/>
    <mergeCell ref="D21:E21"/>
    <mergeCell ref="F21:G21"/>
    <mergeCell ref="D18:E18"/>
    <mergeCell ref="F18:G18"/>
    <mergeCell ref="I61:K66"/>
    <mergeCell ref="D61:E61"/>
    <mergeCell ref="D62:E62"/>
    <mergeCell ref="D66:E66"/>
    <mergeCell ref="D65:E65"/>
    <mergeCell ref="D64:E64"/>
    <mergeCell ref="D63:E63"/>
    <mergeCell ref="F64:G64"/>
    <mergeCell ref="F63:G63"/>
    <mergeCell ref="F62:G62"/>
    <mergeCell ref="F61:G61"/>
    <mergeCell ref="F66:G66"/>
    <mergeCell ref="B77:C77"/>
    <mergeCell ref="D77:H77"/>
    <mergeCell ref="D79:K79"/>
    <mergeCell ref="B79:C80"/>
    <mergeCell ref="I77:K77"/>
  </mergeCells>
  <phoneticPr fontId="2"/>
  <dataValidations count="4">
    <dataValidation type="list" allowBlank="1" showInputMessage="1" showErrorMessage="1" sqref="D76 D73:D74">
      <formula1>カテゴリ①</formula1>
    </dataValidation>
    <dataValidation type="list" allowBlank="1" showInputMessage="1" showErrorMessage="1" sqref="E73">
      <formula1>INDIRECT($D$73)</formula1>
    </dataValidation>
    <dataValidation type="list" allowBlank="1" showInputMessage="1" showErrorMessage="1" sqref="E74">
      <formula1>INDIRECT($D$74)</formula1>
    </dataValidation>
    <dataValidation type="list" allowBlank="1" showInputMessage="1" showErrorMessage="1" sqref="E76 E69">
      <formula1>INDIRECT($D$69)</formula1>
    </dataValidation>
  </dataValidations>
  <pageMargins left="0.70866141732283472" right="0" top="0.74803149606299213" bottom="0" header="0.31496062992125984" footer="0.31496062992125984"/>
  <pageSetup paperSize="9" scale="85" fitToHeight="0" orientation="portrait" horizontalDpi="4294967293" r:id="rId1"/>
  <headerFooter>
    <oddHeader>&amp;C返礼品情報</oddHeader>
  </headerFooter>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カテゴリ!$A$1:$W$1</xm:f>
          </x14:formula1>
          <xm:sqref>D6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25"/>
  <sheetViews>
    <sheetView workbookViewId="0">
      <selection activeCell="H23" sqref="H23"/>
    </sheetView>
  </sheetViews>
  <sheetFormatPr defaultRowHeight="13.5"/>
  <cols>
    <col min="1" max="1" width="3.75" customWidth="1"/>
    <col min="2" max="2" width="7.375" customWidth="1"/>
    <col min="5" max="5" width="9" customWidth="1"/>
    <col min="13" max="13" width="7.5" customWidth="1"/>
    <col min="16" max="16" width="8.5" customWidth="1"/>
  </cols>
  <sheetData>
    <row r="1" spans="1:23" ht="21">
      <c r="A1" s="50" t="s">
        <v>43</v>
      </c>
      <c r="B1" s="6" t="s">
        <v>11</v>
      </c>
      <c r="C1" s="6" t="s">
        <v>20</v>
      </c>
      <c r="D1" s="6" t="s">
        <v>109</v>
      </c>
      <c r="E1" s="6" t="s">
        <v>107</v>
      </c>
      <c r="F1" s="6" t="s">
        <v>19</v>
      </c>
      <c r="G1" s="6" t="s">
        <v>18</v>
      </c>
      <c r="H1" s="6" t="s">
        <v>133</v>
      </c>
      <c r="I1" s="21" t="s">
        <v>139</v>
      </c>
      <c r="J1" s="6" t="s">
        <v>17</v>
      </c>
      <c r="K1" s="6" t="s">
        <v>16</v>
      </c>
      <c r="L1" s="6" t="s">
        <v>12</v>
      </c>
      <c r="M1" s="6" t="s">
        <v>15</v>
      </c>
      <c r="N1" s="6" t="s">
        <v>171</v>
      </c>
      <c r="O1" s="6" t="s">
        <v>168</v>
      </c>
      <c r="P1" s="6" t="s">
        <v>14</v>
      </c>
      <c r="Q1" s="6" t="s">
        <v>160</v>
      </c>
      <c r="R1" s="6" t="s">
        <v>13</v>
      </c>
      <c r="S1" s="6" t="s">
        <v>151</v>
      </c>
      <c r="T1" s="6" t="s">
        <v>131</v>
      </c>
      <c r="U1" s="6" t="s">
        <v>89</v>
      </c>
      <c r="V1" s="6" t="s">
        <v>182</v>
      </c>
      <c r="W1" s="6" t="s">
        <v>184</v>
      </c>
    </row>
    <row r="2" spans="1:23">
      <c r="A2" s="1"/>
      <c r="B2" s="50" t="s">
        <v>43</v>
      </c>
      <c r="C2" s="50" t="s">
        <v>43</v>
      </c>
      <c r="D2" s="50" t="s">
        <v>43</v>
      </c>
      <c r="E2" s="50" t="s">
        <v>43</v>
      </c>
      <c r="F2" s="50" t="s">
        <v>43</v>
      </c>
      <c r="G2" s="50" t="s">
        <v>43</v>
      </c>
      <c r="H2" s="50" t="s">
        <v>43</v>
      </c>
      <c r="I2" s="50" t="s">
        <v>43</v>
      </c>
      <c r="J2" s="50" t="s">
        <v>43</v>
      </c>
      <c r="K2" s="50" t="s">
        <v>43</v>
      </c>
      <c r="L2" s="50" t="s">
        <v>43</v>
      </c>
      <c r="M2" s="50" t="s">
        <v>43</v>
      </c>
      <c r="N2" s="50" t="s">
        <v>43</v>
      </c>
      <c r="O2" s="50" t="s">
        <v>43</v>
      </c>
      <c r="P2" s="50" t="s">
        <v>43</v>
      </c>
      <c r="Q2" s="50" t="s">
        <v>43</v>
      </c>
      <c r="R2" s="50" t="s">
        <v>43</v>
      </c>
      <c r="S2" s="50" t="s">
        <v>43</v>
      </c>
      <c r="T2" s="50" t="s">
        <v>43</v>
      </c>
      <c r="U2" s="50" t="s">
        <v>43</v>
      </c>
      <c r="V2" s="50" t="s">
        <v>43</v>
      </c>
      <c r="W2" s="50" t="s">
        <v>43</v>
      </c>
    </row>
    <row r="3" spans="1:23" ht="21">
      <c r="A3" s="1"/>
      <c r="B3" s="6" t="s">
        <v>21</v>
      </c>
      <c r="C3" s="6" t="s">
        <v>27</v>
      </c>
      <c r="D3" s="21" t="s">
        <v>110</v>
      </c>
      <c r="E3" s="6" t="s">
        <v>38</v>
      </c>
      <c r="F3" s="6" t="s">
        <v>124</v>
      </c>
      <c r="G3" s="6" t="s">
        <v>103</v>
      </c>
      <c r="H3" s="6" t="s">
        <v>55</v>
      </c>
      <c r="I3" s="6" t="s">
        <v>59</v>
      </c>
      <c r="J3" s="6" t="s">
        <v>66</v>
      </c>
      <c r="K3" s="21" t="s">
        <v>137</v>
      </c>
      <c r="L3" s="21" t="s">
        <v>142</v>
      </c>
      <c r="M3" s="6" t="s">
        <v>76</v>
      </c>
      <c r="N3" s="6" t="s">
        <v>83</v>
      </c>
      <c r="O3" s="6" t="s">
        <v>169</v>
      </c>
      <c r="P3" s="6" t="s">
        <v>157</v>
      </c>
      <c r="Q3" s="6" t="s">
        <v>161</v>
      </c>
      <c r="R3" s="6" t="s">
        <v>13</v>
      </c>
      <c r="S3" s="6" t="s">
        <v>92</v>
      </c>
      <c r="T3" s="21" t="s">
        <v>132</v>
      </c>
      <c r="U3" s="6" t="s">
        <v>175</v>
      </c>
      <c r="V3" s="6" t="s">
        <v>58</v>
      </c>
      <c r="W3" s="6" t="s">
        <v>231</v>
      </c>
    </row>
    <row r="4" spans="1:23" ht="21">
      <c r="A4" s="1"/>
      <c r="B4" s="6" t="s">
        <v>26</v>
      </c>
      <c r="C4" s="6" t="s">
        <v>28</v>
      </c>
      <c r="D4" s="6" t="s">
        <v>111</v>
      </c>
      <c r="E4" s="6" t="s">
        <v>39</v>
      </c>
      <c r="F4" s="21" t="s">
        <v>125</v>
      </c>
      <c r="G4" s="24" t="s">
        <v>49</v>
      </c>
      <c r="H4" s="24" t="s">
        <v>56</v>
      </c>
      <c r="I4" s="24" t="s">
        <v>140</v>
      </c>
      <c r="J4" s="24" t="s">
        <v>69</v>
      </c>
      <c r="K4" s="24" t="s">
        <v>70</v>
      </c>
      <c r="L4" s="25" t="s">
        <v>143</v>
      </c>
      <c r="M4" s="24" t="s">
        <v>77</v>
      </c>
      <c r="N4" s="24" t="s">
        <v>172</v>
      </c>
      <c r="O4" s="24" t="s">
        <v>170</v>
      </c>
      <c r="P4" s="6" t="s">
        <v>158</v>
      </c>
      <c r="Q4" s="6" t="s">
        <v>162</v>
      </c>
      <c r="R4" s="6" t="s">
        <v>174</v>
      </c>
      <c r="S4" s="22" t="s">
        <v>230</v>
      </c>
      <c r="T4" s="6" t="s">
        <v>94</v>
      </c>
      <c r="U4" s="6" t="s">
        <v>176</v>
      </c>
      <c r="V4" s="6" t="s">
        <v>183</v>
      </c>
      <c r="W4" s="6" t="s">
        <v>185</v>
      </c>
    </row>
    <row r="5" spans="1:23" ht="21">
      <c r="A5" s="1"/>
      <c r="B5" s="24" t="s">
        <v>25</v>
      </c>
      <c r="C5" s="24" t="s">
        <v>29</v>
      </c>
      <c r="D5" s="24" t="s">
        <v>112</v>
      </c>
      <c r="E5" s="6" t="s">
        <v>108</v>
      </c>
      <c r="F5" s="25" t="s">
        <v>127</v>
      </c>
      <c r="G5" s="6" t="s">
        <v>50</v>
      </c>
      <c r="H5" s="6" t="s">
        <v>134</v>
      </c>
      <c r="I5" s="6" t="s">
        <v>60</v>
      </c>
      <c r="J5" s="6" t="s">
        <v>152</v>
      </c>
      <c r="K5" s="6" t="s">
        <v>71</v>
      </c>
      <c r="L5" s="6" t="s">
        <v>144</v>
      </c>
      <c r="M5" s="6" t="s">
        <v>78</v>
      </c>
      <c r="N5" s="6" t="s">
        <v>82</v>
      </c>
      <c r="O5" s="6" t="s">
        <v>84</v>
      </c>
      <c r="P5" s="8" t="s">
        <v>86</v>
      </c>
      <c r="Q5" s="6" t="s">
        <v>163</v>
      </c>
      <c r="R5" s="6" t="s">
        <v>47</v>
      </c>
      <c r="S5" s="6" t="s">
        <v>93</v>
      </c>
      <c r="T5" s="1"/>
      <c r="U5" s="6" t="s">
        <v>177</v>
      </c>
      <c r="W5" s="6" t="s">
        <v>186</v>
      </c>
    </row>
    <row r="6" spans="1:23" ht="21">
      <c r="A6" s="1"/>
      <c r="B6" s="6" t="s">
        <v>24</v>
      </c>
      <c r="C6" s="6" t="s">
        <v>30</v>
      </c>
      <c r="D6" s="6" t="s">
        <v>113</v>
      </c>
      <c r="E6" s="1"/>
      <c r="F6" s="6" t="s">
        <v>44</v>
      </c>
      <c r="G6" s="8" t="s">
        <v>51</v>
      </c>
      <c r="H6" s="6" t="s">
        <v>135</v>
      </c>
      <c r="I6" s="6" t="s">
        <v>61</v>
      </c>
      <c r="J6" s="6" t="s">
        <v>67</v>
      </c>
      <c r="K6" s="6" t="s">
        <v>72</v>
      </c>
      <c r="L6" s="22" t="s">
        <v>145</v>
      </c>
      <c r="M6" s="6" t="s">
        <v>81</v>
      </c>
      <c r="N6" s="6" t="s">
        <v>173</v>
      </c>
      <c r="O6" s="6" t="s">
        <v>47</v>
      </c>
      <c r="P6" s="23" t="s">
        <v>159</v>
      </c>
      <c r="Q6" s="6" t="s">
        <v>87</v>
      </c>
      <c r="R6" s="6" t="s">
        <v>91</v>
      </c>
      <c r="S6" s="1"/>
      <c r="T6" s="1"/>
      <c r="U6" s="6" t="s">
        <v>178</v>
      </c>
      <c r="W6" s="6" t="s">
        <v>187</v>
      </c>
    </row>
    <row r="7" spans="1:23" ht="31.5">
      <c r="A7" s="1"/>
      <c r="B7" s="6" t="s">
        <v>23</v>
      </c>
      <c r="C7" s="21" t="s">
        <v>99</v>
      </c>
      <c r="D7" s="6" t="s">
        <v>31</v>
      </c>
      <c r="E7" s="1"/>
      <c r="F7" s="6" t="s">
        <v>126</v>
      </c>
      <c r="G7" s="8" t="s">
        <v>52</v>
      </c>
      <c r="H7" s="6" t="s">
        <v>57</v>
      </c>
      <c r="I7" s="6" t="s">
        <v>141</v>
      </c>
      <c r="J7" s="6" t="s">
        <v>68</v>
      </c>
      <c r="K7" s="6" t="s">
        <v>73</v>
      </c>
      <c r="L7" s="6" t="s">
        <v>146</v>
      </c>
      <c r="M7" s="6" t="s">
        <v>79</v>
      </c>
      <c r="N7" s="1"/>
      <c r="O7" s="1"/>
      <c r="P7" s="6" t="s">
        <v>85</v>
      </c>
      <c r="Q7" s="6" t="s">
        <v>164</v>
      </c>
      <c r="R7" s="1"/>
      <c r="S7" s="1"/>
      <c r="T7" s="1"/>
      <c r="U7" s="22" t="s">
        <v>179</v>
      </c>
      <c r="W7" s="6" t="s">
        <v>188</v>
      </c>
    </row>
    <row r="8" spans="1:23" ht="21">
      <c r="A8" s="1"/>
      <c r="B8" s="6" t="s">
        <v>22</v>
      </c>
      <c r="C8" s="21" t="s">
        <v>100</v>
      </c>
      <c r="D8" s="6" t="s">
        <v>114</v>
      </c>
      <c r="E8" s="1"/>
      <c r="F8" s="6" t="s">
        <v>45</v>
      </c>
      <c r="G8" s="8" t="s">
        <v>53</v>
      </c>
      <c r="H8" s="22" t="s">
        <v>136</v>
      </c>
      <c r="I8" s="22" t="s">
        <v>62</v>
      </c>
      <c r="J8" s="6" t="s">
        <v>47</v>
      </c>
      <c r="K8" s="6" t="s">
        <v>74</v>
      </c>
      <c r="L8" s="6" t="s">
        <v>147</v>
      </c>
      <c r="M8" s="6" t="s">
        <v>80</v>
      </c>
      <c r="O8" s="1"/>
      <c r="Q8" s="6" t="s">
        <v>88</v>
      </c>
      <c r="R8" s="1"/>
      <c r="S8" s="1"/>
      <c r="T8" s="1"/>
      <c r="U8" s="6" t="s">
        <v>180</v>
      </c>
      <c r="W8" s="6" t="s">
        <v>189</v>
      </c>
    </row>
    <row r="9" spans="1:23" ht="31.5">
      <c r="A9" s="1"/>
      <c r="B9" s="21" t="s">
        <v>102</v>
      </c>
      <c r="C9" s="22" t="s">
        <v>101</v>
      </c>
      <c r="D9" s="22" t="s">
        <v>115</v>
      </c>
      <c r="E9" s="1"/>
      <c r="F9" s="6" t="s">
        <v>48</v>
      </c>
      <c r="G9" s="23" t="s">
        <v>104</v>
      </c>
      <c r="H9" s="6" t="s">
        <v>47</v>
      </c>
      <c r="I9" s="6" t="s">
        <v>63</v>
      </c>
      <c r="J9" s="21" t="s">
        <v>153</v>
      </c>
      <c r="K9" s="6" t="s">
        <v>138</v>
      </c>
      <c r="L9" s="6" t="s">
        <v>148</v>
      </c>
      <c r="M9" s="1"/>
      <c r="O9" s="1"/>
      <c r="Q9" s="6" t="s">
        <v>90</v>
      </c>
      <c r="R9" s="1"/>
      <c r="S9" s="1"/>
      <c r="T9" s="1"/>
      <c r="U9" s="6" t="s">
        <v>181</v>
      </c>
      <c r="W9" s="6" t="s">
        <v>190</v>
      </c>
    </row>
    <row r="10" spans="1:23">
      <c r="A10" s="1"/>
      <c r="B10" s="1"/>
      <c r="D10" s="6" t="s">
        <v>33</v>
      </c>
      <c r="E10" s="1"/>
      <c r="F10" s="6" t="s">
        <v>46</v>
      </c>
      <c r="G10" s="8" t="s">
        <v>54</v>
      </c>
      <c r="H10" s="1"/>
      <c r="I10" s="6" t="s">
        <v>64</v>
      </c>
      <c r="J10" s="6" t="s">
        <v>154</v>
      </c>
      <c r="K10" s="1"/>
      <c r="L10" s="6" t="s">
        <v>149</v>
      </c>
      <c r="M10" s="1"/>
      <c r="O10" s="1"/>
      <c r="Q10" s="6" t="s">
        <v>226</v>
      </c>
      <c r="R10" s="1"/>
      <c r="S10" s="1"/>
      <c r="T10" s="1"/>
      <c r="W10" s="6" t="s">
        <v>191</v>
      </c>
    </row>
    <row r="11" spans="1:23" ht="21">
      <c r="A11" s="1"/>
      <c r="B11" s="1"/>
      <c r="C11" s="1"/>
      <c r="D11" s="6" t="s">
        <v>116</v>
      </c>
      <c r="E11" s="1"/>
      <c r="F11" s="6" t="s">
        <v>128</v>
      </c>
      <c r="G11" s="8" t="s">
        <v>105</v>
      </c>
      <c r="I11" s="6" t="s">
        <v>65</v>
      </c>
      <c r="J11" s="6" t="s">
        <v>155</v>
      </c>
      <c r="K11" s="1"/>
      <c r="L11" s="22" t="s">
        <v>150</v>
      </c>
      <c r="M11" s="1"/>
      <c r="O11" s="1"/>
      <c r="P11" s="1"/>
      <c r="Q11" s="48" t="s">
        <v>165</v>
      </c>
      <c r="S11" s="1"/>
      <c r="T11" s="1"/>
      <c r="W11" s="6" t="s">
        <v>192</v>
      </c>
    </row>
    <row r="12" spans="1:23" ht="21">
      <c r="A12" s="1"/>
      <c r="B12" s="1"/>
      <c r="C12" s="1"/>
      <c r="D12" s="21" t="s">
        <v>117</v>
      </c>
      <c r="E12" s="1"/>
      <c r="F12" s="6" t="s">
        <v>47</v>
      </c>
      <c r="G12" s="8" t="s">
        <v>106</v>
      </c>
      <c r="I12" s="6" t="s">
        <v>47</v>
      </c>
      <c r="J12" s="6" t="s">
        <v>156</v>
      </c>
      <c r="K12" s="1"/>
      <c r="L12" s="6" t="s">
        <v>75</v>
      </c>
      <c r="M12" s="1"/>
      <c r="N12" s="1"/>
      <c r="O12" s="1"/>
      <c r="P12" s="1"/>
      <c r="Q12" s="48" t="s">
        <v>166</v>
      </c>
      <c r="R12" s="1"/>
      <c r="S12" s="1"/>
      <c r="T12" s="1"/>
      <c r="W12" s="6" t="s">
        <v>193</v>
      </c>
    </row>
    <row r="13" spans="1:23" ht="21">
      <c r="A13" s="1"/>
      <c r="B13" s="1"/>
      <c r="C13" s="1"/>
      <c r="D13" s="6" t="s">
        <v>32</v>
      </c>
      <c r="F13" s="22" t="s">
        <v>129</v>
      </c>
      <c r="G13" s="1"/>
      <c r="J13" s="1"/>
      <c r="K13" s="1"/>
      <c r="M13" s="1"/>
      <c r="N13" s="1"/>
      <c r="O13" s="1"/>
      <c r="P13" s="1"/>
      <c r="Q13" s="6" t="s">
        <v>167</v>
      </c>
      <c r="R13" s="1"/>
      <c r="S13" s="1"/>
      <c r="T13" s="1"/>
    </row>
    <row r="14" spans="1:23" ht="21">
      <c r="A14" s="1"/>
      <c r="B14" s="1"/>
      <c r="C14" s="1"/>
      <c r="D14" s="6" t="s">
        <v>34</v>
      </c>
      <c r="F14" s="22" t="s">
        <v>130</v>
      </c>
      <c r="G14" s="1"/>
      <c r="H14" s="1"/>
      <c r="I14" s="1"/>
      <c r="J14" s="1"/>
      <c r="K14" s="1"/>
      <c r="L14" s="1"/>
      <c r="M14" s="1"/>
      <c r="N14" s="1"/>
      <c r="O14" s="1"/>
      <c r="P14" s="1"/>
      <c r="Q14" s="47" t="s">
        <v>227</v>
      </c>
      <c r="R14" s="1"/>
      <c r="S14" s="1"/>
      <c r="T14" s="1"/>
    </row>
    <row r="15" spans="1:23">
      <c r="A15" s="1"/>
      <c r="B15" s="1"/>
      <c r="C15" s="1"/>
      <c r="D15" s="6" t="s">
        <v>118</v>
      </c>
      <c r="H15" s="1"/>
      <c r="I15" s="1"/>
      <c r="K15" s="1"/>
      <c r="M15" s="1"/>
      <c r="N15" s="1"/>
      <c r="O15" s="1"/>
      <c r="P15" s="1"/>
      <c r="Q15" s="6" t="s">
        <v>47</v>
      </c>
      <c r="R15" s="1"/>
      <c r="S15" s="1"/>
      <c r="T15" s="1"/>
    </row>
    <row r="16" spans="1:23">
      <c r="A16" s="1"/>
      <c r="B16" s="1"/>
      <c r="C16" s="1"/>
      <c r="D16" s="6" t="s">
        <v>35</v>
      </c>
      <c r="F16" s="1"/>
      <c r="G16" s="1"/>
      <c r="H16" s="1"/>
      <c r="I16" s="1"/>
      <c r="K16" s="1"/>
      <c r="L16" s="1"/>
      <c r="M16" s="1"/>
      <c r="N16" s="1"/>
      <c r="O16" s="1"/>
      <c r="P16" s="1"/>
      <c r="Q16" s="53" t="s">
        <v>229</v>
      </c>
      <c r="R16" s="1"/>
      <c r="S16" s="1"/>
      <c r="T16" s="1"/>
    </row>
    <row r="17" spans="1:20">
      <c r="A17" s="1"/>
      <c r="B17" s="1"/>
      <c r="C17" s="1"/>
      <c r="D17" s="6" t="s">
        <v>36</v>
      </c>
      <c r="F17" s="1"/>
      <c r="G17" s="1"/>
      <c r="H17" s="1"/>
      <c r="I17" s="1"/>
      <c r="K17" s="1"/>
      <c r="L17" s="1"/>
      <c r="M17" s="1"/>
      <c r="N17" s="1"/>
      <c r="O17" s="1"/>
      <c r="P17" s="1"/>
      <c r="R17" s="1"/>
      <c r="S17" s="1"/>
      <c r="T17" s="1"/>
    </row>
    <row r="18" spans="1:20" ht="21">
      <c r="A18" s="1"/>
      <c r="B18" s="1"/>
      <c r="C18" s="1"/>
      <c r="D18" s="22" t="s">
        <v>119</v>
      </c>
      <c r="F18" s="1"/>
      <c r="G18" s="1"/>
      <c r="H18" s="1"/>
      <c r="I18" s="1"/>
      <c r="K18" s="1"/>
      <c r="L18" s="1"/>
      <c r="M18" s="1"/>
      <c r="N18" s="1"/>
      <c r="O18" s="1"/>
      <c r="P18" s="1"/>
      <c r="R18" s="1"/>
      <c r="S18" s="1"/>
      <c r="T18" s="1"/>
    </row>
    <row r="19" spans="1:20">
      <c r="A19" s="1"/>
      <c r="B19" s="1"/>
      <c r="C19" s="1"/>
      <c r="D19" s="6" t="s">
        <v>120</v>
      </c>
      <c r="F19" s="1"/>
      <c r="G19" s="1"/>
      <c r="H19" s="1"/>
      <c r="I19" s="1"/>
      <c r="K19" s="1"/>
      <c r="L19" s="1"/>
      <c r="M19" s="1"/>
      <c r="N19" s="1"/>
      <c r="O19" s="1"/>
      <c r="P19" s="1"/>
      <c r="R19" s="1"/>
      <c r="S19" s="1"/>
      <c r="T19" s="1"/>
    </row>
    <row r="20" spans="1:20">
      <c r="A20" s="1"/>
      <c r="B20" s="1"/>
      <c r="C20" s="1"/>
      <c r="D20" s="6" t="s">
        <v>37</v>
      </c>
      <c r="F20" s="1"/>
      <c r="G20" s="1"/>
      <c r="H20" s="1"/>
      <c r="I20" s="1"/>
      <c r="K20" s="1"/>
      <c r="L20" s="1"/>
      <c r="M20" s="1"/>
      <c r="N20" s="1"/>
      <c r="O20" s="1"/>
      <c r="P20" s="1"/>
      <c r="R20" s="1"/>
      <c r="S20" s="1"/>
      <c r="T20" s="1"/>
    </row>
    <row r="21" spans="1:20">
      <c r="A21" s="1"/>
      <c r="B21" s="1"/>
      <c r="C21" s="1"/>
      <c r="D21" s="6" t="s">
        <v>121</v>
      </c>
      <c r="E21" s="1"/>
      <c r="F21" s="1"/>
      <c r="G21" s="1"/>
      <c r="H21" s="1"/>
      <c r="I21" s="1"/>
      <c r="K21" s="1"/>
      <c r="L21" s="1"/>
      <c r="M21" s="1"/>
      <c r="N21" s="1"/>
      <c r="O21" s="1"/>
      <c r="P21" s="1"/>
      <c r="Q21" s="1"/>
      <c r="R21" s="1"/>
      <c r="S21" s="1"/>
      <c r="T21" s="1"/>
    </row>
    <row r="22" spans="1:20" ht="21">
      <c r="A22" s="1"/>
      <c r="B22" s="1"/>
      <c r="C22" s="1"/>
      <c r="D22" s="22" t="s">
        <v>122</v>
      </c>
      <c r="F22" s="1"/>
      <c r="G22" s="1"/>
      <c r="H22" s="1"/>
      <c r="I22" s="1"/>
      <c r="K22" s="1"/>
      <c r="L22" s="1"/>
      <c r="M22" s="1"/>
      <c r="N22" s="1"/>
      <c r="O22" s="1"/>
      <c r="P22" s="1"/>
      <c r="Q22" s="1"/>
      <c r="R22" s="1"/>
      <c r="S22" s="1"/>
      <c r="T22" s="1"/>
    </row>
    <row r="23" spans="1:20">
      <c r="D23" s="6" t="s">
        <v>123</v>
      </c>
    </row>
    <row r="24" spans="1:20">
      <c r="D24" s="52" t="s">
        <v>228</v>
      </c>
      <c r="E24" s="1"/>
    </row>
    <row r="25" spans="1:20">
      <c r="E25" s="1"/>
    </row>
  </sheetData>
  <phoneticPr fontId="2"/>
  <pageMargins left="0.31496062992125984" right="0" top="0.74803149606299213" bottom="0.74803149606299213" header="0.31496062992125984" footer="0.31496062992125984"/>
  <pageSetup paperSize="8" fitToHeight="0" orientation="landscape" horizontalDpi="4294967293"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pageSetUpPr fitToPage="1"/>
  </sheetPr>
  <dimension ref="A1:P80"/>
  <sheetViews>
    <sheetView zoomScaleNormal="100" workbookViewId="0"/>
  </sheetViews>
  <sheetFormatPr defaultRowHeight="13.5"/>
  <cols>
    <col min="1" max="1" width="3.5" bestFit="1" customWidth="1"/>
    <col min="2" max="2" width="10" customWidth="1"/>
    <col min="3" max="3" width="23.625" customWidth="1"/>
    <col min="6" max="6" width="9" customWidth="1"/>
    <col min="7" max="7" width="13.875" customWidth="1"/>
    <col min="10" max="10" width="8.25" customWidth="1"/>
  </cols>
  <sheetData>
    <row r="1" spans="1:16" ht="14.25">
      <c r="B1" s="46" t="s">
        <v>224</v>
      </c>
      <c r="C1" s="43"/>
      <c r="D1" s="44" t="s">
        <v>222</v>
      </c>
      <c r="E1" s="43"/>
      <c r="F1" s="43"/>
      <c r="G1" s="43"/>
      <c r="H1" s="43"/>
      <c r="I1" s="43"/>
      <c r="J1" s="43"/>
    </row>
    <row r="2" spans="1:16" ht="14.25">
      <c r="B2" s="46"/>
      <c r="C2" s="43"/>
      <c r="D2" s="44" t="s">
        <v>225</v>
      </c>
      <c r="E2" s="43"/>
      <c r="F2" s="43"/>
      <c r="G2" s="43"/>
      <c r="H2" s="43"/>
      <c r="I2" s="43"/>
      <c r="J2" s="43"/>
    </row>
    <row r="3" spans="1:16" ht="14.25">
      <c r="B3" s="111" t="s">
        <v>223</v>
      </c>
      <c r="C3" s="111"/>
      <c r="D3" s="44"/>
      <c r="E3" s="43"/>
      <c r="F3" s="43"/>
      <c r="G3" s="43"/>
      <c r="H3" s="43"/>
      <c r="I3" s="43"/>
      <c r="J3" s="43"/>
    </row>
    <row r="4" spans="1:16">
      <c r="B4" s="111"/>
      <c r="C4" s="111"/>
      <c r="D4" s="44"/>
      <c r="E4" s="44"/>
      <c r="F4" s="44"/>
      <c r="G4" s="44"/>
      <c r="H4" s="44"/>
      <c r="I4" s="44"/>
      <c r="J4" s="44"/>
    </row>
    <row r="7" spans="1:16" ht="27.75" customHeight="1">
      <c r="A7" s="41" t="s">
        <v>206</v>
      </c>
      <c r="B7" s="1" t="s">
        <v>238</v>
      </c>
      <c r="C7" s="74" t="s">
        <v>244</v>
      </c>
      <c r="D7" s="75"/>
      <c r="E7" s="75"/>
      <c r="F7" s="75"/>
      <c r="G7" s="75"/>
      <c r="H7" s="75"/>
      <c r="I7" s="75"/>
      <c r="J7" s="76"/>
    </row>
    <row r="8" spans="1:16" ht="14.25">
      <c r="A8" s="41"/>
      <c r="B8" s="1"/>
    </row>
    <row r="9" spans="1:16" ht="27" customHeight="1">
      <c r="A9" s="41" t="s">
        <v>207</v>
      </c>
      <c r="B9" s="1" t="s">
        <v>1</v>
      </c>
      <c r="C9" s="112" t="s">
        <v>245</v>
      </c>
      <c r="D9" s="113"/>
      <c r="E9" s="113"/>
      <c r="F9" s="113"/>
      <c r="G9" s="113"/>
      <c r="H9" s="113"/>
      <c r="I9" s="113"/>
      <c r="J9" s="114"/>
      <c r="K9" s="3"/>
      <c r="L9" s="3"/>
      <c r="M9" s="3"/>
      <c r="N9" s="3"/>
      <c r="O9" s="3"/>
      <c r="P9" s="4"/>
    </row>
    <row r="10" spans="1:16" ht="14.25">
      <c r="A10" s="41"/>
      <c r="B10" s="1" t="s">
        <v>98</v>
      </c>
      <c r="C10" s="19"/>
      <c r="D10" s="15"/>
      <c r="F10" s="4"/>
      <c r="G10" s="4"/>
      <c r="H10" s="4"/>
      <c r="I10" s="4"/>
      <c r="J10" s="4"/>
      <c r="K10" s="4"/>
      <c r="L10" s="4"/>
      <c r="M10" s="4"/>
      <c r="N10" s="4"/>
      <c r="O10" s="4"/>
      <c r="P10" s="4"/>
    </row>
    <row r="11" spans="1:16" ht="14.25">
      <c r="A11" s="41"/>
      <c r="B11" s="1"/>
      <c r="C11" s="37"/>
      <c r="D11" s="4"/>
      <c r="F11" s="4"/>
      <c r="G11" s="4"/>
      <c r="H11" s="4"/>
      <c r="I11" s="4"/>
      <c r="J11" s="4"/>
      <c r="K11" s="4"/>
      <c r="L11" s="4"/>
      <c r="M11" s="4"/>
      <c r="N11" s="4"/>
      <c r="O11" s="4"/>
      <c r="P11" s="4"/>
    </row>
    <row r="12" spans="1:16" ht="14.25">
      <c r="A12" s="41"/>
      <c r="B12" s="1"/>
      <c r="C12" s="37"/>
      <c r="D12" s="4"/>
      <c r="F12" s="4"/>
      <c r="G12" s="4"/>
      <c r="H12" s="4"/>
      <c r="I12" s="4"/>
      <c r="J12" s="4"/>
      <c r="K12" s="4"/>
      <c r="L12" s="4"/>
      <c r="M12" s="4"/>
      <c r="N12" s="4"/>
      <c r="O12" s="4"/>
      <c r="P12" s="4"/>
    </row>
    <row r="13" spans="1:16" ht="13.5" customHeight="1">
      <c r="A13" s="41" t="s">
        <v>208</v>
      </c>
      <c r="B13" s="77" t="s">
        <v>201</v>
      </c>
      <c r="C13" s="78"/>
      <c r="D13" s="89" t="s">
        <v>40</v>
      </c>
      <c r="E13" s="90"/>
      <c r="F13" s="91"/>
      <c r="G13" s="90"/>
      <c r="H13" s="18"/>
      <c r="I13" s="79"/>
      <c r="J13" s="67"/>
      <c r="K13" s="67"/>
      <c r="M13" s="35"/>
      <c r="N13" s="35"/>
      <c r="O13" s="35"/>
    </row>
    <row r="14" spans="1:16" ht="14.25">
      <c r="A14" s="41"/>
      <c r="B14" s="101" t="s">
        <v>239</v>
      </c>
      <c r="C14" s="102"/>
      <c r="D14" s="4"/>
      <c r="F14" s="4"/>
      <c r="G14" s="4"/>
      <c r="H14" s="4"/>
      <c r="I14" s="67"/>
      <c r="J14" s="67"/>
      <c r="K14" s="67"/>
      <c r="L14" s="4"/>
      <c r="M14" s="4"/>
      <c r="N14" s="4"/>
      <c r="O14" s="4"/>
      <c r="P14" s="4"/>
    </row>
    <row r="15" spans="1:16" ht="14.25">
      <c r="A15" s="41"/>
      <c r="B15" s="102"/>
      <c r="C15" s="102"/>
      <c r="D15" s="4"/>
      <c r="F15" s="4"/>
      <c r="G15" s="4"/>
      <c r="H15" s="4"/>
      <c r="I15" s="67"/>
      <c r="J15" s="67"/>
      <c r="K15" s="67"/>
      <c r="L15" s="4"/>
      <c r="M15" s="4"/>
      <c r="N15" s="4"/>
      <c r="O15" s="4"/>
      <c r="P15" s="4"/>
    </row>
    <row r="16" spans="1:16" ht="14.25">
      <c r="A16" s="41"/>
      <c r="B16" s="1"/>
      <c r="C16" s="37"/>
      <c r="D16" s="4"/>
      <c r="F16" s="4"/>
      <c r="G16" s="4"/>
      <c r="H16" s="4"/>
      <c r="I16" s="67"/>
      <c r="J16" s="67"/>
      <c r="K16" s="67"/>
      <c r="L16" s="4"/>
      <c r="M16" s="4"/>
      <c r="N16" s="4"/>
      <c r="O16" s="4"/>
      <c r="P16" s="4"/>
    </row>
    <row r="17" spans="1:16" ht="31.5" customHeight="1">
      <c r="A17" s="51"/>
      <c r="B17" s="105"/>
      <c r="C17" s="105"/>
      <c r="D17" s="4"/>
      <c r="E17" s="4"/>
      <c r="F17" s="4"/>
      <c r="G17" s="4"/>
      <c r="H17" s="4"/>
      <c r="I17" s="67"/>
      <c r="J17" s="67"/>
      <c r="K17" s="67"/>
      <c r="L17" s="4"/>
      <c r="M17" s="4"/>
      <c r="N17" s="4"/>
      <c r="O17" s="4"/>
      <c r="P17" s="4"/>
    </row>
    <row r="18" spans="1:16" ht="14.25">
      <c r="A18" s="51"/>
      <c r="B18" s="103"/>
      <c r="C18" s="104"/>
      <c r="D18" s="92"/>
      <c r="E18" s="93"/>
      <c r="F18" s="92"/>
      <c r="G18" s="93"/>
      <c r="H18" s="4"/>
      <c r="I18" s="67"/>
      <c r="J18" s="67"/>
      <c r="K18" s="67"/>
      <c r="L18" s="4"/>
      <c r="M18" s="4"/>
      <c r="N18" s="4"/>
      <c r="O18" s="4"/>
      <c r="P18" s="4"/>
    </row>
    <row r="19" spans="1:16" ht="14.25">
      <c r="A19" s="51"/>
      <c r="B19" s="104"/>
      <c r="C19" s="104"/>
      <c r="D19" s="4"/>
      <c r="E19" s="4"/>
      <c r="F19" s="4"/>
      <c r="G19" s="4"/>
      <c r="H19" s="4"/>
      <c r="I19" s="67"/>
      <c r="J19" s="67"/>
      <c r="K19" s="67"/>
      <c r="L19" s="4"/>
      <c r="M19" s="4"/>
      <c r="N19" s="4"/>
      <c r="O19" s="4"/>
      <c r="P19" s="4"/>
    </row>
    <row r="20" spans="1:16" ht="14.25">
      <c r="A20" s="41"/>
      <c r="B20" s="1"/>
      <c r="C20" s="37"/>
      <c r="D20" s="4"/>
      <c r="F20" s="4"/>
      <c r="G20" s="4"/>
      <c r="H20" s="4"/>
      <c r="I20" s="67"/>
      <c r="J20" s="67"/>
      <c r="K20" s="67"/>
      <c r="L20" s="4"/>
      <c r="M20" s="4"/>
      <c r="N20" s="4"/>
      <c r="O20" s="4"/>
      <c r="P20" s="4"/>
    </row>
    <row r="21" spans="1:16" ht="44.25" customHeight="1">
      <c r="A21" s="41" t="s">
        <v>209</v>
      </c>
      <c r="B21" s="65" t="s">
        <v>234</v>
      </c>
      <c r="C21" s="106"/>
      <c r="D21" s="89" t="s">
        <v>40</v>
      </c>
      <c r="E21" s="90"/>
      <c r="F21" s="91"/>
      <c r="G21" s="90"/>
      <c r="H21" s="18"/>
      <c r="I21" s="67"/>
      <c r="J21" s="67"/>
      <c r="K21" s="67"/>
      <c r="M21" s="42"/>
      <c r="N21" s="35"/>
      <c r="O21" s="35"/>
    </row>
    <row r="22" spans="1:16" ht="14.25" customHeight="1">
      <c r="A22" s="41"/>
      <c r="B22" s="101" t="s">
        <v>239</v>
      </c>
      <c r="C22" s="102"/>
      <c r="D22" s="4"/>
      <c r="F22" s="4"/>
      <c r="G22" s="4"/>
      <c r="H22" s="4"/>
      <c r="I22" s="4"/>
      <c r="J22" s="4"/>
      <c r="K22" s="4"/>
      <c r="L22" s="4"/>
      <c r="M22" s="4"/>
      <c r="N22" s="4"/>
      <c r="O22" s="4"/>
      <c r="P22" s="4"/>
    </row>
    <row r="23" spans="1:16" ht="14.25">
      <c r="A23" s="41"/>
      <c r="B23" s="102"/>
      <c r="C23" s="102"/>
      <c r="D23" s="4"/>
      <c r="F23" s="4"/>
      <c r="G23" s="4"/>
      <c r="H23" s="4"/>
      <c r="I23" s="4"/>
      <c r="J23" s="4"/>
      <c r="K23" s="4"/>
      <c r="L23" s="4"/>
      <c r="M23" s="4"/>
      <c r="N23" s="4"/>
      <c r="O23" s="4"/>
      <c r="P23" s="4"/>
    </row>
    <row r="24" spans="1:16" ht="14.25">
      <c r="A24" s="41"/>
      <c r="B24" s="55"/>
      <c r="C24" s="55"/>
      <c r="D24" s="4"/>
      <c r="F24" s="4"/>
      <c r="G24" s="4"/>
      <c r="H24" s="4"/>
      <c r="I24" s="4"/>
      <c r="J24" s="4"/>
      <c r="K24" s="4"/>
      <c r="L24" s="4"/>
      <c r="M24" s="4"/>
      <c r="N24" s="4"/>
      <c r="O24" s="4"/>
      <c r="P24" s="4"/>
    </row>
    <row r="25" spans="1:16" ht="14.25">
      <c r="A25" s="41"/>
      <c r="B25" s="1"/>
      <c r="C25" s="2"/>
      <c r="D25" s="4"/>
      <c r="E25" s="4"/>
      <c r="F25" s="4"/>
      <c r="G25" s="4"/>
      <c r="H25" s="4"/>
      <c r="I25" s="4"/>
      <c r="J25" s="4"/>
      <c r="K25" s="4"/>
      <c r="L25" s="4"/>
      <c r="M25" s="4"/>
      <c r="N25" s="4"/>
      <c r="O25" s="4"/>
      <c r="P25" s="4"/>
    </row>
    <row r="26" spans="1:16" ht="13.5" customHeight="1">
      <c r="A26" s="41" t="s">
        <v>210</v>
      </c>
      <c r="B26" s="1" t="s">
        <v>202</v>
      </c>
      <c r="C26" s="27"/>
      <c r="D26" s="80" t="s">
        <v>246</v>
      </c>
      <c r="E26" s="81"/>
      <c r="F26" s="82"/>
      <c r="G26" s="27"/>
      <c r="H26" s="28"/>
      <c r="I26" s="29"/>
      <c r="J26" s="29"/>
      <c r="K26" s="29"/>
      <c r="L26" s="5"/>
      <c r="M26" s="5"/>
      <c r="N26" s="5"/>
      <c r="O26" s="5"/>
      <c r="P26" s="4"/>
    </row>
    <row r="27" spans="1:16" ht="14.25">
      <c r="A27" s="41"/>
      <c r="B27" s="1"/>
      <c r="C27" s="27"/>
      <c r="D27" s="83"/>
      <c r="E27" s="84"/>
      <c r="F27" s="85"/>
      <c r="G27" s="30"/>
      <c r="H27" s="29"/>
      <c r="I27" s="29"/>
      <c r="J27" s="29"/>
      <c r="K27" s="29"/>
      <c r="L27" s="5"/>
      <c r="M27" s="5"/>
      <c r="N27" s="5"/>
      <c r="O27" s="5"/>
      <c r="P27" s="4"/>
    </row>
    <row r="28" spans="1:16" ht="14.25">
      <c r="A28" s="41"/>
      <c r="B28" s="1"/>
      <c r="C28" s="27"/>
      <c r="D28" s="83"/>
      <c r="E28" s="84"/>
      <c r="F28" s="85"/>
      <c r="G28" s="30"/>
      <c r="H28" s="29"/>
      <c r="I28" s="29"/>
      <c r="J28" s="29"/>
      <c r="K28" s="29"/>
      <c r="L28" s="5"/>
      <c r="M28" s="5"/>
      <c r="N28" s="5"/>
      <c r="O28" s="5"/>
      <c r="P28" s="4"/>
    </row>
    <row r="29" spans="1:16" ht="14.25">
      <c r="A29" s="41"/>
      <c r="B29" s="1"/>
      <c r="C29" s="27"/>
      <c r="D29" s="83"/>
      <c r="E29" s="84"/>
      <c r="F29" s="85"/>
      <c r="G29" s="30"/>
      <c r="H29" s="29"/>
      <c r="I29" s="29"/>
      <c r="J29" s="29"/>
      <c r="K29" s="29"/>
      <c r="L29" s="5"/>
      <c r="M29" s="5"/>
      <c r="N29" s="5"/>
      <c r="O29" s="5"/>
      <c r="P29" s="4"/>
    </row>
    <row r="30" spans="1:16" ht="14.25">
      <c r="A30" s="41"/>
      <c r="B30" s="1"/>
      <c r="C30" s="2" t="s">
        <v>2</v>
      </c>
      <c r="D30" s="83"/>
      <c r="E30" s="84"/>
      <c r="F30" s="85"/>
      <c r="G30" s="2"/>
      <c r="H30" s="29"/>
      <c r="I30" s="29"/>
      <c r="J30" s="29"/>
      <c r="K30" s="29"/>
      <c r="L30" s="5"/>
      <c r="M30" s="5"/>
      <c r="N30" s="5"/>
      <c r="O30" s="5"/>
      <c r="P30" s="4"/>
    </row>
    <row r="31" spans="1:16" ht="14.25">
      <c r="A31" s="41"/>
      <c r="B31" s="1"/>
      <c r="C31" s="2"/>
      <c r="D31" s="83"/>
      <c r="E31" s="84"/>
      <c r="F31" s="85"/>
      <c r="G31" s="2"/>
      <c r="H31" s="29"/>
      <c r="I31" s="29"/>
      <c r="J31" s="29"/>
      <c r="K31" s="29"/>
      <c r="L31" s="5"/>
      <c r="M31" s="5"/>
      <c r="N31" s="5"/>
      <c r="O31" s="5"/>
      <c r="P31" s="4"/>
    </row>
    <row r="32" spans="1:16" ht="14.25">
      <c r="A32" s="41"/>
      <c r="B32" s="1"/>
      <c r="C32" s="2"/>
      <c r="D32" s="83"/>
      <c r="E32" s="84"/>
      <c r="F32" s="85"/>
      <c r="G32" s="2"/>
      <c r="H32" s="29"/>
      <c r="I32" s="29"/>
      <c r="J32" s="29"/>
      <c r="K32" s="29"/>
      <c r="L32" s="5"/>
      <c r="M32" s="5"/>
      <c r="N32" s="5"/>
      <c r="O32" s="5"/>
      <c r="P32" s="4"/>
    </row>
    <row r="33" spans="1:16" ht="14.25">
      <c r="A33" s="41"/>
      <c r="B33" s="1"/>
      <c r="C33" s="2"/>
      <c r="D33" s="83"/>
      <c r="E33" s="84"/>
      <c r="F33" s="85"/>
      <c r="G33" s="2"/>
      <c r="H33" s="29"/>
      <c r="I33" s="29"/>
      <c r="J33" s="29"/>
      <c r="K33" s="29"/>
      <c r="L33" s="5"/>
      <c r="M33" s="5"/>
      <c r="N33" s="5"/>
      <c r="O33" s="5"/>
      <c r="P33" s="4"/>
    </row>
    <row r="34" spans="1:16" ht="14.25">
      <c r="A34" s="41"/>
      <c r="B34" s="1"/>
      <c r="C34" s="2"/>
      <c r="D34" s="83"/>
      <c r="E34" s="84"/>
      <c r="F34" s="85"/>
      <c r="G34" s="2"/>
      <c r="H34" s="29"/>
      <c r="I34" s="29"/>
      <c r="J34" s="29"/>
      <c r="K34" s="29"/>
      <c r="L34" s="5"/>
      <c r="M34" s="5"/>
      <c r="N34" s="5"/>
      <c r="O34" s="5"/>
      <c r="P34" s="4"/>
    </row>
    <row r="35" spans="1:16" ht="14.25">
      <c r="A35" s="41"/>
      <c r="B35" s="1"/>
      <c r="C35" s="2"/>
      <c r="D35" s="83"/>
      <c r="E35" s="84"/>
      <c r="F35" s="85"/>
      <c r="G35" s="2"/>
      <c r="H35" s="29"/>
      <c r="I35" s="29"/>
      <c r="J35" s="29"/>
      <c r="K35" s="29"/>
      <c r="L35" s="5"/>
      <c r="M35" s="5"/>
      <c r="N35" s="5"/>
      <c r="O35" s="5"/>
      <c r="P35" s="4"/>
    </row>
    <row r="36" spans="1:16" ht="14.25">
      <c r="A36" s="41"/>
      <c r="B36" s="1"/>
      <c r="C36" s="2"/>
      <c r="D36" s="83"/>
      <c r="E36" s="84"/>
      <c r="F36" s="85"/>
      <c r="G36" s="2"/>
      <c r="H36" s="29"/>
      <c r="I36" s="29"/>
      <c r="J36" s="29"/>
      <c r="K36" s="29"/>
      <c r="L36" s="5"/>
      <c r="M36" s="5"/>
      <c r="N36" s="5"/>
      <c r="O36" s="5"/>
      <c r="P36" s="4"/>
    </row>
    <row r="37" spans="1:16" ht="14.25">
      <c r="A37" s="41"/>
      <c r="B37" s="1"/>
      <c r="C37" s="2" t="s">
        <v>194</v>
      </c>
      <c r="D37" s="86"/>
      <c r="E37" s="87"/>
      <c r="F37" s="88"/>
      <c r="G37" s="2"/>
      <c r="H37" s="31"/>
      <c r="I37" s="31"/>
      <c r="J37" s="31"/>
      <c r="K37" s="31"/>
      <c r="L37" s="5"/>
      <c r="M37" s="5"/>
      <c r="N37" s="5"/>
      <c r="O37" s="5"/>
      <c r="P37" s="4"/>
    </row>
    <row r="38" spans="1:16" ht="15" thickBot="1">
      <c r="A38" s="41"/>
      <c r="B38" s="1"/>
      <c r="C38" s="2"/>
      <c r="D38" s="32"/>
      <c r="E38" s="32"/>
      <c r="F38" s="32"/>
      <c r="G38" s="2"/>
      <c r="H38" s="32"/>
      <c r="I38" s="32"/>
      <c r="J38" s="32"/>
      <c r="K38" s="5"/>
      <c r="L38" s="5"/>
      <c r="M38" s="5"/>
      <c r="N38" s="5"/>
      <c r="O38" s="5"/>
      <c r="P38" s="4"/>
    </row>
    <row r="39" spans="1:16" ht="14.25">
      <c r="A39" s="41" t="s">
        <v>211</v>
      </c>
      <c r="B39" s="39" t="s">
        <v>0</v>
      </c>
      <c r="C39" s="2"/>
      <c r="D39" s="95" t="s">
        <v>247</v>
      </c>
      <c r="E39" s="96"/>
      <c r="F39" s="97"/>
      <c r="G39" s="2"/>
      <c r="H39" s="32"/>
      <c r="I39" s="32"/>
      <c r="J39" s="32"/>
      <c r="K39" s="5"/>
      <c r="L39" s="5"/>
      <c r="M39" s="5"/>
      <c r="N39" s="5"/>
      <c r="O39" s="5"/>
      <c r="P39" s="4"/>
    </row>
    <row r="40" spans="1:16" ht="14.25">
      <c r="A40" s="41"/>
      <c r="B40" s="40"/>
      <c r="C40" s="2"/>
      <c r="D40" s="107"/>
      <c r="E40" s="84"/>
      <c r="F40" s="108"/>
      <c r="G40" s="2"/>
      <c r="H40" s="32"/>
      <c r="I40" s="32"/>
      <c r="J40" s="32"/>
      <c r="K40" s="5"/>
      <c r="L40" s="5"/>
      <c r="M40" s="5"/>
      <c r="N40" s="5"/>
      <c r="O40" s="5"/>
      <c r="P40" s="4"/>
    </row>
    <row r="41" spans="1:16" ht="15" thickBot="1">
      <c r="A41" s="41"/>
      <c r="B41" s="40"/>
      <c r="C41" s="2"/>
      <c r="D41" s="98"/>
      <c r="E41" s="99"/>
      <c r="F41" s="100"/>
      <c r="G41" s="5"/>
      <c r="H41" s="32"/>
      <c r="I41" s="32"/>
      <c r="J41" s="32"/>
      <c r="K41" s="5"/>
      <c r="L41" s="5"/>
      <c r="M41" s="5"/>
      <c r="N41" s="5"/>
      <c r="O41" s="5"/>
      <c r="P41" s="4"/>
    </row>
    <row r="42" spans="1:16" ht="15" thickBot="1">
      <c r="A42" s="41"/>
      <c r="B42" s="40"/>
      <c r="C42" s="2"/>
      <c r="D42" s="32"/>
      <c r="E42" s="32"/>
      <c r="F42" s="32"/>
      <c r="G42" s="5"/>
      <c r="H42" s="32"/>
      <c r="I42" s="32"/>
      <c r="J42" s="32"/>
      <c r="K42" s="5"/>
      <c r="L42" s="5"/>
      <c r="M42" s="5"/>
      <c r="N42" s="5"/>
      <c r="O42" s="5"/>
      <c r="P42" s="4"/>
    </row>
    <row r="43" spans="1:16" ht="14.25">
      <c r="A43" s="41" t="s">
        <v>212</v>
      </c>
      <c r="B43" s="39" t="s">
        <v>195</v>
      </c>
      <c r="C43" s="2"/>
      <c r="D43" s="95" t="s">
        <v>248</v>
      </c>
      <c r="E43" s="96"/>
      <c r="F43" s="97"/>
      <c r="G43" s="5"/>
      <c r="H43" s="5"/>
      <c r="I43" s="5"/>
      <c r="J43" s="5"/>
      <c r="K43" s="5"/>
      <c r="L43" s="5"/>
      <c r="M43" s="5"/>
      <c r="N43" s="5"/>
      <c r="O43" s="5"/>
      <c r="P43" s="4"/>
    </row>
    <row r="44" spans="1:16" ht="15" thickBot="1">
      <c r="A44" s="41"/>
      <c r="B44" s="40"/>
      <c r="C44" s="2"/>
      <c r="D44" s="98"/>
      <c r="E44" s="99"/>
      <c r="F44" s="100"/>
      <c r="G44" s="5"/>
      <c r="H44" s="5"/>
      <c r="I44" s="5"/>
      <c r="J44" s="5"/>
      <c r="K44" s="5"/>
      <c r="L44" s="5"/>
      <c r="M44" s="5"/>
      <c r="N44" s="5"/>
      <c r="O44" s="5"/>
      <c r="P44" s="4"/>
    </row>
    <row r="45" spans="1:16" ht="15" thickBot="1">
      <c r="A45" s="41"/>
      <c r="B45" s="40"/>
      <c r="C45" s="2"/>
      <c r="D45" s="32"/>
      <c r="E45" s="32"/>
      <c r="F45" s="32"/>
      <c r="G45" s="5"/>
      <c r="H45" s="5"/>
      <c r="I45" s="5"/>
      <c r="J45" s="5"/>
      <c r="K45" s="5"/>
      <c r="L45" s="5"/>
      <c r="M45" s="5"/>
      <c r="N45" s="5"/>
      <c r="O45" s="5"/>
      <c r="P45" s="4"/>
    </row>
    <row r="46" spans="1:16" ht="14.25">
      <c r="A46" s="41" t="s">
        <v>213</v>
      </c>
      <c r="B46" s="109" t="s">
        <v>242</v>
      </c>
      <c r="C46" s="110"/>
      <c r="D46" s="95" t="s">
        <v>249</v>
      </c>
      <c r="E46" s="96"/>
      <c r="F46" s="97"/>
      <c r="G46" s="5"/>
      <c r="H46" s="5"/>
      <c r="I46" s="5"/>
      <c r="J46" s="5"/>
      <c r="K46" s="5"/>
      <c r="L46" s="5"/>
      <c r="M46" s="5"/>
      <c r="N46" s="5"/>
      <c r="O46" s="5"/>
      <c r="P46" s="4"/>
    </row>
    <row r="47" spans="1:16" ht="15" thickBot="1">
      <c r="A47" s="41"/>
      <c r="B47" s="40"/>
      <c r="D47" s="98"/>
      <c r="E47" s="99"/>
      <c r="F47" s="100"/>
      <c r="G47" s="5"/>
      <c r="H47" s="5"/>
      <c r="I47" s="5"/>
      <c r="J47" s="5"/>
      <c r="K47" s="5"/>
      <c r="L47" s="5"/>
      <c r="M47" s="5"/>
      <c r="N47" s="5"/>
      <c r="O47" s="5"/>
      <c r="P47" s="4"/>
    </row>
    <row r="48" spans="1:16" ht="15" thickBot="1">
      <c r="A48" s="41"/>
      <c r="B48" s="40"/>
      <c r="D48" s="56"/>
      <c r="E48" s="56"/>
      <c r="F48" s="56"/>
      <c r="G48" s="5"/>
      <c r="H48" s="5"/>
      <c r="I48" s="5"/>
      <c r="J48" s="5"/>
      <c r="K48" s="5"/>
      <c r="L48" s="5"/>
      <c r="M48" s="5"/>
      <c r="N48" s="5"/>
      <c r="O48" s="5"/>
      <c r="P48" s="4"/>
    </row>
    <row r="49" spans="1:16" ht="14.25">
      <c r="A49" s="41" t="s">
        <v>240</v>
      </c>
      <c r="B49" s="40" t="s">
        <v>241</v>
      </c>
      <c r="D49" s="95" t="s">
        <v>250</v>
      </c>
      <c r="E49" s="96"/>
      <c r="F49" s="97"/>
      <c r="G49" s="5"/>
      <c r="H49" s="5"/>
      <c r="I49" s="5"/>
      <c r="J49" s="5"/>
      <c r="K49" s="5"/>
      <c r="L49" s="5"/>
      <c r="M49" s="5"/>
      <c r="N49" s="5"/>
      <c r="O49" s="5"/>
      <c r="P49" s="4"/>
    </row>
    <row r="50" spans="1:16" ht="15" thickBot="1">
      <c r="A50" s="41"/>
      <c r="B50" s="40"/>
      <c r="D50" s="98"/>
      <c r="E50" s="99"/>
      <c r="F50" s="100"/>
      <c r="G50" s="5"/>
      <c r="H50" s="5"/>
      <c r="I50" s="5"/>
      <c r="J50" s="5"/>
      <c r="K50" s="5"/>
      <c r="L50" s="5"/>
      <c r="M50" s="5"/>
      <c r="N50" s="5"/>
      <c r="O50" s="5"/>
      <c r="P50" s="4"/>
    </row>
    <row r="51" spans="1:16" ht="15" thickBot="1">
      <c r="A51" s="41"/>
      <c r="B51" s="40"/>
      <c r="D51" s="32"/>
      <c r="E51" s="32"/>
      <c r="F51" s="32"/>
      <c r="G51" s="5"/>
      <c r="H51" s="5"/>
      <c r="I51" s="5"/>
      <c r="J51" s="5"/>
      <c r="K51" s="5"/>
      <c r="L51" s="5"/>
      <c r="M51" s="5"/>
      <c r="N51" s="5"/>
      <c r="O51" s="5"/>
      <c r="P51" s="4"/>
    </row>
    <row r="52" spans="1:16" ht="14.25">
      <c r="A52" s="41" t="s">
        <v>214</v>
      </c>
      <c r="B52" s="39" t="s">
        <v>196</v>
      </c>
      <c r="D52" s="95" t="s">
        <v>203</v>
      </c>
      <c r="E52" s="96"/>
      <c r="F52" s="97"/>
      <c r="G52" s="5"/>
      <c r="H52" s="5"/>
      <c r="I52" s="5"/>
      <c r="J52" s="5"/>
      <c r="K52" s="5"/>
      <c r="L52" s="5"/>
      <c r="M52" s="5"/>
      <c r="N52" s="5"/>
      <c r="O52" s="5"/>
      <c r="P52" s="4"/>
    </row>
    <row r="53" spans="1:16" ht="15" thickBot="1">
      <c r="A53" s="41"/>
      <c r="B53" s="40"/>
      <c r="D53" s="98"/>
      <c r="E53" s="99"/>
      <c r="F53" s="100"/>
      <c r="G53" s="5"/>
      <c r="H53" s="5"/>
      <c r="I53" s="5"/>
      <c r="J53" s="5"/>
      <c r="K53" s="5"/>
      <c r="L53" s="5"/>
      <c r="M53" s="5"/>
      <c r="N53" s="5"/>
      <c r="O53" s="5"/>
      <c r="P53" s="4"/>
    </row>
    <row r="54" spans="1:16" ht="15" thickBot="1">
      <c r="A54" s="41"/>
      <c r="B54" s="40"/>
      <c r="D54" s="33"/>
      <c r="E54" s="33"/>
      <c r="F54" s="33"/>
      <c r="G54" s="5"/>
      <c r="H54" s="5"/>
      <c r="I54" s="5"/>
      <c r="J54" s="5"/>
      <c r="K54" s="5"/>
      <c r="L54" s="5"/>
      <c r="M54" s="5"/>
      <c r="N54" s="5"/>
      <c r="O54" s="5"/>
      <c r="P54" s="4"/>
    </row>
    <row r="55" spans="1:16" ht="14.25">
      <c r="A55" s="41" t="s">
        <v>235</v>
      </c>
      <c r="B55" s="94" t="s">
        <v>199</v>
      </c>
      <c r="D55" s="95" t="s">
        <v>203</v>
      </c>
      <c r="E55" s="96"/>
      <c r="F55" s="97"/>
      <c r="G55" s="5"/>
      <c r="H55" s="5"/>
      <c r="I55" s="5"/>
      <c r="J55" s="5"/>
      <c r="K55" s="5"/>
      <c r="L55" s="5"/>
      <c r="M55" s="5"/>
      <c r="N55" s="5"/>
      <c r="O55" s="5"/>
      <c r="P55" s="4"/>
    </row>
    <row r="56" spans="1:16" ht="15" thickBot="1">
      <c r="A56" s="41"/>
      <c r="B56" s="94"/>
      <c r="D56" s="98"/>
      <c r="E56" s="99"/>
      <c r="F56" s="100"/>
      <c r="G56" s="5"/>
      <c r="H56" s="5"/>
      <c r="I56" s="5"/>
      <c r="J56" s="5"/>
      <c r="K56" s="5"/>
      <c r="L56" s="5"/>
      <c r="M56" s="5"/>
      <c r="N56" s="5"/>
      <c r="O56" s="5"/>
      <c r="P56" s="4"/>
    </row>
    <row r="57" spans="1:16" ht="15" thickBot="1">
      <c r="A57" s="41"/>
      <c r="B57" s="40"/>
      <c r="D57" s="56"/>
      <c r="E57" s="56"/>
      <c r="F57" s="56"/>
      <c r="G57" s="5"/>
      <c r="H57" s="5"/>
      <c r="I57" s="5"/>
      <c r="J57" s="5"/>
      <c r="K57" s="5"/>
      <c r="L57" s="5"/>
      <c r="M57" s="5"/>
      <c r="N57" s="5"/>
      <c r="O57" s="5"/>
      <c r="P57" s="4"/>
    </row>
    <row r="58" spans="1:16" ht="14.25">
      <c r="A58" s="41" t="s">
        <v>215</v>
      </c>
      <c r="B58" s="39" t="s">
        <v>197</v>
      </c>
      <c r="D58" s="95" t="s">
        <v>251</v>
      </c>
      <c r="E58" s="96"/>
      <c r="F58" s="97"/>
      <c r="G58" s="5"/>
      <c r="H58" s="5"/>
      <c r="I58" s="5"/>
      <c r="J58" s="5"/>
      <c r="K58" s="5"/>
      <c r="L58" s="5"/>
      <c r="M58" s="5"/>
      <c r="N58" s="5"/>
      <c r="O58" s="5"/>
      <c r="P58" s="4"/>
    </row>
    <row r="59" spans="1:16" ht="15" thickBot="1">
      <c r="A59" s="41"/>
      <c r="B59" s="40"/>
      <c r="D59" s="98"/>
      <c r="E59" s="99"/>
      <c r="F59" s="100"/>
      <c r="G59" s="5"/>
      <c r="H59" s="5"/>
      <c r="I59" s="5"/>
      <c r="J59" s="5"/>
      <c r="K59" s="5"/>
      <c r="L59" s="5"/>
      <c r="M59" s="5"/>
      <c r="N59" s="5"/>
      <c r="O59" s="5"/>
      <c r="P59" s="4"/>
    </row>
    <row r="60" spans="1:16" ht="14.25">
      <c r="A60" s="41"/>
      <c r="B60" s="40"/>
    </row>
    <row r="61" spans="1:16" ht="14.25">
      <c r="A61" s="41" t="s">
        <v>236</v>
      </c>
      <c r="B61" s="1" t="s">
        <v>198</v>
      </c>
      <c r="C61" s="16"/>
      <c r="D61" s="68"/>
      <c r="E61" s="69"/>
      <c r="F61" s="70" t="s">
        <v>4</v>
      </c>
      <c r="G61" s="69"/>
      <c r="H61" s="4"/>
      <c r="I61" s="66" t="s">
        <v>200</v>
      </c>
      <c r="J61" s="67"/>
      <c r="K61" s="67"/>
    </row>
    <row r="62" spans="1:16" ht="14.25">
      <c r="A62" s="41" t="s">
        <v>216</v>
      </c>
      <c r="B62" s="1" t="s">
        <v>5</v>
      </c>
      <c r="C62" s="17"/>
      <c r="D62" s="68" t="s">
        <v>3</v>
      </c>
      <c r="E62" s="69"/>
      <c r="F62" s="70"/>
      <c r="G62" s="69"/>
      <c r="H62" s="4"/>
      <c r="I62" s="67"/>
      <c r="J62" s="67"/>
      <c r="K62" s="67"/>
    </row>
    <row r="63" spans="1:16" ht="14.25">
      <c r="A63" s="41" t="s">
        <v>217</v>
      </c>
      <c r="B63" s="1" t="s">
        <v>6</v>
      </c>
      <c r="C63" s="17"/>
      <c r="D63" s="68"/>
      <c r="E63" s="69"/>
      <c r="F63" s="70" t="s">
        <v>4</v>
      </c>
      <c r="G63" s="69"/>
      <c r="H63" s="4"/>
      <c r="I63" s="67"/>
      <c r="J63" s="67"/>
      <c r="K63" s="67"/>
    </row>
    <row r="64" spans="1:16" ht="14.25">
      <c r="A64" s="41" t="s">
        <v>218</v>
      </c>
      <c r="B64" s="1" t="s">
        <v>7</v>
      </c>
      <c r="C64" s="17"/>
      <c r="D64" s="68"/>
      <c r="E64" s="69"/>
      <c r="F64" s="70" t="s">
        <v>4</v>
      </c>
      <c r="G64" s="69"/>
      <c r="H64" s="4"/>
      <c r="I64" s="67"/>
      <c r="J64" s="67"/>
      <c r="K64" s="67"/>
    </row>
    <row r="65" spans="1:15" ht="14.25">
      <c r="A65" s="41" t="s">
        <v>219</v>
      </c>
      <c r="B65" s="1" t="s">
        <v>8</v>
      </c>
      <c r="C65" s="17"/>
      <c r="D65" s="68"/>
      <c r="E65" s="69"/>
      <c r="F65" s="70" t="s">
        <v>4</v>
      </c>
      <c r="G65" s="69"/>
      <c r="H65" s="4"/>
      <c r="I65" s="67"/>
      <c r="J65" s="67"/>
      <c r="K65" s="67"/>
    </row>
    <row r="66" spans="1:15" ht="14.25">
      <c r="A66" s="41" t="s">
        <v>220</v>
      </c>
      <c r="B66" s="1" t="s">
        <v>9</v>
      </c>
      <c r="C66" s="17"/>
      <c r="D66" s="68"/>
      <c r="E66" s="69"/>
      <c r="F66" s="70" t="s">
        <v>4</v>
      </c>
      <c r="G66" s="69"/>
      <c r="H66" s="4"/>
      <c r="I66" s="67"/>
      <c r="J66" s="67"/>
      <c r="K66" s="67"/>
    </row>
    <row r="67" spans="1:15" ht="14.25">
      <c r="A67" s="41"/>
      <c r="B67" s="1"/>
      <c r="I67" s="4"/>
      <c r="J67" s="4"/>
    </row>
    <row r="68" spans="1:15" ht="14.25">
      <c r="A68" s="41"/>
      <c r="B68" s="1"/>
      <c r="D68" s="49" t="s">
        <v>232</v>
      </c>
      <c r="E68" s="49" t="s">
        <v>233</v>
      </c>
      <c r="I68" s="4"/>
      <c r="J68" s="4"/>
    </row>
    <row r="69" spans="1:15" ht="13.5" customHeight="1">
      <c r="A69" s="41" t="s">
        <v>254</v>
      </c>
      <c r="B69" s="1" t="s">
        <v>10</v>
      </c>
      <c r="C69" s="9" t="s">
        <v>95</v>
      </c>
      <c r="D69" s="10" t="s">
        <v>204</v>
      </c>
      <c r="E69" s="20" t="s">
        <v>124</v>
      </c>
      <c r="G69" s="1"/>
      <c r="I69" s="35"/>
      <c r="J69" s="35"/>
      <c r="K69" s="36"/>
      <c r="M69" s="36"/>
      <c r="N69" s="36"/>
      <c r="O69" s="36"/>
    </row>
    <row r="70" spans="1:15">
      <c r="B70" s="1"/>
      <c r="C70" s="13"/>
      <c r="D70" s="13"/>
      <c r="E70" s="13"/>
      <c r="F70" s="13"/>
      <c r="I70" s="35"/>
      <c r="J70" s="35"/>
      <c r="K70" s="35"/>
      <c r="M70" s="35"/>
      <c r="N70" s="35"/>
      <c r="O70" s="35"/>
    </row>
    <row r="71" spans="1:15">
      <c r="B71" s="1"/>
      <c r="C71" s="13"/>
      <c r="D71" s="13"/>
      <c r="E71" s="13"/>
      <c r="F71" s="13"/>
      <c r="H71" s="54"/>
      <c r="I71" s="34"/>
      <c r="J71" s="34"/>
      <c r="K71" s="35"/>
      <c r="M71" s="35"/>
      <c r="N71" s="35"/>
      <c r="O71" s="35"/>
    </row>
    <row r="72" spans="1:15">
      <c r="C72" s="14"/>
      <c r="H72" s="54"/>
      <c r="I72" s="54"/>
      <c r="J72" s="54"/>
    </row>
    <row r="73" spans="1:15" ht="13.5" customHeight="1">
      <c r="B73" s="1"/>
      <c r="C73" s="9" t="s">
        <v>96</v>
      </c>
      <c r="D73" s="10" t="s">
        <v>205</v>
      </c>
      <c r="E73" s="8" t="s">
        <v>150</v>
      </c>
      <c r="G73" s="1"/>
      <c r="H73" s="54"/>
      <c r="I73" s="54"/>
      <c r="J73" s="54"/>
      <c r="K73" s="1"/>
      <c r="M73" s="1"/>
      <c r="N73" s="1"/>
      <c r="O73" s="1"/>
    </row>
    <row r="74" spans="1:15">
      <c r="B74" s="1"/>
      <c r="C74" s="9" t="s">
        <v>97</v>
      </c>
      <c r="D74" s="10" t="s">
        <v>42</v>
      </c>
      <c r="E74" s="8" t="s">
        <v>42</v>
      </c>
      <c r="G74" s="1"/>
      <c r="H74" s="54"/>
      <c r="I74" s="54"/>
      <c r="J74" s="54"/>
      <c r="K74" s="1"/>
      <c r="L74" s="1"/>
      <c r="M74" s="1"/>
      <c r="N74" s="1"/>
      <c r="O74" s="1"/>
    </row>
    <row r="75" spans="1:15">
      <c r="B75" s="1"/>
      <c r="C75" s="11"/>
      <c r="D75" s="11"/>
      <c r="E75" s="11"/>
      <c r="F75" s="11"/>
      <c r="H75" s="54"/>
      <c r="I75" s="54"/>
      <c r="J75" s="54"/>
    </row>
    <row r="76" spans="1:15">
      <c r="B76" s="1"/>
      <c r="C76" s="4"/>
      <c r="D76" s="57"/>
      <c r="E76" s="57"/>
      <c r="F76" s="4"/>
      <c r="H76" s="54"/>
      <c r="I76" s="54"/>
      <c r="J76" s="54"/>
    </row>
    <row r="77" spans="1:15">
      <c r="A77" s="49" t="s">
        <v>252</v>
      </c>
      <c r="B77" s="58" t="s">
        <v>243</v>
      </c>
      <c r="C77" s="59"/>
      <c r="D77" s="60"/>
      <c r="E77" s="60"/>
      <c r="F77" s="60"/>
      <c r="G77" s="60"/>
      <c r="H77" s="60"/>
      <c r="I77" s="63"/>
      <c r="J77" s="64"/>
      <c r="K77" s="64"/>
    </row>
    <row r="78" spans="1:15">
      <c r="A78" s="49"/>
      <c r="B78" s="1"/>
      <c r="C78" s="7"/>
      <c r="H78" s="54"/>
      <c r="I78" s="54"/>
      <c r="J78" s="54"/>
    </row>
    <row r="79" spans="1:15" ht="13.5" customHeight="1">
      <c r="A79" s="49" t="s">
        <v>255</v>
      </c>
      <c r="B79" s="62" t="s">
        <v>256</v>
      </c>
      <c r="C79" s="58"/>
      <c r="D79" s="61"/>
      <c r="E79" s="61"/>
      <c r="F79" s="61"/>
      <c r="G79" s="61"/>
      <c r="H79" s="61"/>
      <c r="I79" s="61"/>
      <c r="J79" s="61"/>
      <c r="K79" s="61"/>
    </row>
    <row r="80" spans="1:15">
      <c r="B80" s="58"/>
      <c r="C80" s="58"/>
      <c r="H80" s="54"/>
      <c r="I80" s="54"/>
      <c r="J80" s="54"/>
    </row>
  </sheetData>
  <dataConsolidate/>
  <mergeCells count="44">
    <mergeCell ref="C7:J7"/>
    <mergeCell ref="C9:J9"/>
    <mergeCell ref="B13:C13"/>
    <mergeCell ref="D13:E13"/>
    <mergeCell ref="F13:G13"/>
    <mergeCell ref="I13:K21"/>
    <mergeCell ref="B14:C15"/>
    <mergeCell ref="B17:C17"/>
    <mergeCell ref="B18:C19"/>
    <mergeCell ref="D18:E18"/>
    <mergeCell ref="D52:F53"/>
    <mergeCell ref="F18:G18"/>
    <mergeCell ref="B21:C21"/>
    <mergeCell ref="D21:E21"/>
    <mergeCell ref="F21:G21"/>
    <mergeCell ref="B22:C23"/>
    <mergeCell ref="D26:F37"/>
    <mergeCell ref="D39:F41"/>
    <mergeCell ref="D43:F44"/>
    <mergeCell ref="B46:C46"/>
    <mergeCell ref="D46:F47"/>
    <mergeCell ref="D49:F50"/>
    <mergeCell ref="D55:F56"/>
    <mergeCell ref="D58:F59"/>
    <mergeCell ref="D61:E61"/>
    <mergeCell ref="F61:G61"/>
    <mergeCell ref="I61:K66"/>
    <mergeCell ref="D62:E62"/>
    <mergeCell ref="F62:G62"/>
    <mergeCell ref="D63:E63"/>
    <mergeCell ref="F63:G63"/>
    <mergeCell ref="D79:K79"/>
    <mergeCell ref="B3:C4"/>
    <mergeCell ref="B79:C80"/>
    <mergeCell ref="B77:C77"/>
    <mergeCell ref="D77:H77"/>
    <mergeCell ref="I77:K77"/>
    <mergeCell ref="D64:E64"/>
    <mergeCell ref="F64:G64"/>
    <mergeCell ref="D65:E65"/>
    <mergeCell ref="F65:G65"/>
    <mergeCell ref="D66:E66"/>
    <mergeCell ref="F66:G66"/>
    <mergeCell ref="B55:B56"/>
  </mergeCells>
  <phoneticPr fontId="2"/>
  <dataValidations count="4">
    <dataValidation type="list" allowBlank="1" showInputMessage="1" showErrorMessage="1" sqref="E76 E69">
      <formula1>INDIRECT($D$69)</formula1>
    </dataValidation>
    <dataValidation type="list" allowBlank="1" showInputMessage="1" showErrorMessage="1" sqref="E74">
      <formula1>INDIRECT($D$74)</formula1>
    </dataValidation>
    <dataValidation type="list" allowBlank="1" showInputMessage="1" showErrorMessage="1" sqref="E73">
      <formula1>INDIRECT($D$73)</formula1>
    </dataValidation>
    <dataValidation type="list" allowBlank="1" showInputMessage="1" showErrorMessage="1" sqref="D76 D73:D74">
      <formula1>カテゴリ①</formula1>
    </dataValidation>
  </dataValidations>
  <pageMargins left="0.70866141732283472" right="0" top="0.74803149606299213" bottom="0" header="0.31496062992125984" footer="0.31496062992125984"/>
  <pageSetup paperSize="9" scale="85" fitToHeight="0" orientation="portrait" horizontalDpi="4294967293" r:id="rId1"/>
  <headerFooter>
    <oddHeader>&amp;C返礼品情報</oddHeader>
  </headerFooter>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カテゴリ!$A$1:$W$1</xm:f>
          </x14:formula1>
          <xm:sqref>D69</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6</vt:i4>
      </vt:variant>
    </vt:vector>
  </HeadingPairs>
  <TitlesOfParts>
    <vt:vector size="39" baseType="lpstr">
      <vt:lpstr>返礼品情報（入力画面）</vt:lpstr>
      <vt:lpstr>カテゴリ</vt:lpstr>
      <vt:lpstr>記入見本</vt:lpstr>
      <vt:lpstr>イベント</vt:lpstr>
      <vt:lpstr>イベントやチケット等</vt:lpstr>
      <vt:lpstr>お酒</vt:lpstr>
      <vt:lpstr>カテゴリ①</vt:lpstr>
      <vt:lpstr>カテゴリ大</vt:lpstr>
      <vt:lpstr>ファッション</vt:lpstr>
      <vt:lpstr>飲料類</vt:lpstr>
      <vt:lpstr>化粧品等</vt:lpstr>
      <vt:lpstr>加工品等</vt:lpstr>
      <vt:lpstr>果物類</vt:lpstr>
      <vt:lpstr>菓子</vt:lpstr>
      <vt:lpstr>海老・カニ</vt:lpstr>
      <vt:lpstr>海老・カニ等</vt:lpstr>
      <vt:lpstr>感謝状等</vt:lpstr>
      <vt:lpstr>牛肉</vt:lpstr>
      <vt:lpstr>魚介類</vt:lpstr>
      <vt:lpstr>魚貝類</vt:lpstr>
      <vt:lpstr>工芸装飾</vt:lpstr>
      <vt:lpstr>工芸品・装飾品</vt:lpstr>
      <vt:lpstr>雑貨・日用品</vt:lpstr>
      <vt:lpstr>雑貨日用品</vt:lpstr>
      <vt:lpstr>酒焼酎</vt:lpstr>
      <vt:lpstr>鯛・金目鯛</vt:lpstr>
      <vt:lpstr>地域のお礼</vt:lpstr>
      <vt:lpstr>地域のお礼の品</vt:lpstr>
      <vt:lpstr>調味料･油</vt:lpstr>
      <vt:lpstr>鍋セット</vt:lpstr>
      <vt:lpstr>肉</vt:lpstr>
      <vt:lpstr>美容</vt:lpstr>
      <vt:lpstr>米</vt:lpstr>
      <vt:lpstr>米・パン</vt:lpstr>
      <vt:lpstr>麺類</vt:lpstr>
      <vt:lpstr>野菜類</vt:lpstr>
      <vt:lpstr>卵_鶏_鳥骨鶏等</vt:lpstr>
      <vt:lpstr>卵_鶏等</vt:lpstr>
      <vt:lpstr>旅行</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21099 坂井 浩幸</dc:creator>
  <cp:lastModifiedBy>11097 坂井 浩幸</cp:lastModifiedBy>
  <cp:lastPrinted>2018-04-18T02:23:12Z</cp:lastPrinted>
  <dcterms:created xsi:type="dcterms:W3CDTF">2016-02-23T01:23:37Z</dcterms:created>
  <dcterms:modified xsi:type="dcterms:W3CDTF">2018-04-25T02:30:34Z</dcterms:modified>
</cp:coreProperties>
</file>